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3152\技術管理G\00_常用\40_総合評価関係\イントラ・HP掲載データ\R08\R0806_更新\"/>
    </mc:Choice>
  </mc:AlternateContent>
  <xr:revisionPtr revIDLastSave="0" documentId="13_ncr:1_{5806869E-AD9F-4D2D-812F-ACB23E7C336E}" xr6:coauthVersionLast="47" xr6:coauthVersionMax="47" xr10:uidLastSave="{00000000-0000-0000-0000-000000000000}"/>
  <bookViews>
    <workbookView xWindow="-108" yWindow="-108" windowWidth="23256" windowHeight="12456" xr2:uid="{00000000-000D-0000-FFFF-FFFF00000000}"/>
  </bookViews>
  <sheets>
    <sheet name="局長表彰" sheetId="4" r:id="rId1"/>
  </sheets>
  <definedNames>
    <definedName name="_xlnm._FilterDatabase" localSheetId="0" hidden="1">局長表彰!$A$5:$I$108</definedName>
    <definedName name="_xlnm.Print_Area" localSheetId="0">局長表彰!$A$1:$I$10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36" uniqueCount="299">
  <si>
    <t>公 表 用</t>
    <rPh sb="0" eb="1">
      <t>コウ</t>
    </rPh>
    <rPh sb="2" eb="3">
      <t>オモテ</t>
    </rPh>
    <rPh sb="4" eb="5">
      <t>ヨウ</t>
    </rPh>
    <phoneticPr fontId="1"/>
  </si>
  <si>
    <t>※本表は、優良工事表彰等の受賞実績及び該当する工事分野を確認するための資料です。</t>
    <rPh sb="1" eb="2">
      <t>ホン</t>
    </rPh>
    <rPh sb="2" eb="3">
      <t>ヒョウ</t>
    </rPh>
    <rPh sb="5" eb="7">
      <t>ユウリョウ</t>
    </rPh>
    <rPh sb="7" eb="9">
      <t>コウジ</t>
    </rPh>
    <rPh sb="9" eb="11">
      <t>ヒョウショウ</t>
    </rPh>
    <rPh sb="11" eb="12">
      <t>トウ</t>
    </rPh>
    <rPh sb="13" eb="15">
      <t>ジュショウ</t>
    </rPh>
    <rPh sb="15" eb="17">
      <t>ジッセキ</t>
    </rPh>
    <rPh sb="17" eb="18">
      <t>オヨ</t>
    </rPh>
    <rPh sb="19" eb="21">
      <t>ガイトウ</t>
    </rPh>
    <rPh sb="23" eb="25">
      <t>コウジ</t>
    </rPh>
    <rPh sb="25" eb="27">
      <t>ブンヤ</t>
    </rPh>
    <rPh sb="28" eb="30">
      <t>カクニン</t>
    </rPh>
    <rPh sb="35" eb="37">
      <t>シリョウ</t>
    </rPh>
    <phoneticPr fontId="1"/>
  </si>
  <si>
    <t>※下表の工事名は、表彰時の工事名を記載しており、契約時の工事名ではありませんので留意してください。</t>
    <rPh sb="1" eb="3">
      <t>カヒョウ</t>
    </rPh>
    <rPh sb="4" eb="6">
      <t>コウジ</t>
    </rPh>
    <rPh sb="6" eb="7">
      <t>メイ</t>
    </rPh>
    <rPh sb="9" eb="11">
      <t>ヒョウショウ</t>
    </rPh>
    <rPh sb="11" eb="12">
      <t>ジ</t>
    </rPh>
    <rPh sb="13" eb="15">
      <t>コウジ</t>
    </rPh>
    <rPh sb="15" eb="16">
      <t>メイ</t>
    </rPh>
    <rPh sb="17" eb="19">
      <t>キサイ</t>
    </rPh>
    <rPh sb="24" eb="26">
      <t>ケイヤク</t>
    </rPh>
    <rPh sb="26" eb="27">
      <t>ジ</t>
    </rPh>
    <rPh sb="28" eb="30">
      <t>コウジ</t>
    </rPh>
    <rPh sb="30" eb="31">
      <t>メイ</t>
    </rPh>
    <rPh sb="40" eb="42">
      <t>リュウイ</t>
    </rPh>
    <phoneticPr fontId="1"/>
  </si>
  <si>
    <t>年度区分</t>
    <rPh sb="0" eb="2">
      <t>ネンド</t>
    </rPh>
    <rPh sb="2" eb="4">
      <t>クブン</t>
    </rPh>
    <phoneticPr fontId="1"/>
  </si>
  <si>
    <t>表彰年度</t>
    <rPh sb="0" eb="2">
      <t>ヒョウショウ</t>
    </rPh>
    <rPh sb="2" eb="4">
      <t>ネンド</t>
    </rPh>
    <phoneticPr fontId="1"/>
  </si>
  <si>
    <t>受賞法人名・商号</t>
    <rPh sb="0" eb="2">
      <t>ジュショウ</t>
    </rPh>
    <rPh sb="2" eb="4">
      <t>ホウジン</t>
    </rPh>
    <rPh sb="4" eb="5">
      <t>メイ</t>
    </rPh>
    <rPh sb="6" eb="8">
      <t>ショウゴウ</t>
    </rPh>
    <phoneticPr fontId="1"/>
  </si>
  <si>
    <t>分類</t>
    <rPh sb="0" eb="2">
      <t>ブンルイ</t>
    </rPh>
    <phoneticPr fontId="1"/>
  </si>
  <si>
    <t>受賞　工事名</t>
    <rPh sb="0" eb="2">
      <t>ジュショウ</t>
    </rPh>
    <rPh sb="3" eb="5">
      <t>コウジ</t>
    </rPh>
    <rPh sb="5" eb="6">
      <t>メイ</t>
    </rPh>
    <phoneticPr fontId="1"/>
  </si>
  <si>
    <t>発注所属名</t>
    <rPh sb="0" eb="2">
      <t>ハッチュウ</t>
    </rPh>
    <rPh sb="2" eb="4">
      <t>ショゾク</t>
    </rPh>
    <rPh sb="4" eb="5">
      <t>メイ</t>
    </rPh>
    <phoneticPr fontId="1"/>
  </si>
  <si>
    <t>表彰名</t>
    <rPh sb="0" eb="2">
      <t>ヒョウショウ</t>
    </rPh>
    <rPh sb="2" eb="3">
      <t>メイ</t>
    </rPh>
    <phoneticPr fontId="1"/>
  </si>
  <si>
    <t>備考</t>
    <rPh sb="0" eb="2">
      <t>ビコウ</t>
    </rPh>
    <phoneticPr fontId="1"/>
  </si>
  <si>
    <t>過去３年間</t>
    <rPh sb="0" eb="2">
      <t>カコ</t>
    </rPh>
    <rPh sb="3" eb="5">
      <t>ネンカン</t>
    </rPh>
    <phoneticPr fontId="1"/>
  </si>
  <si>
    <t>神奈川県企業庁優良工事等局長表彰</t>
    <rPh sb="0" eb="4">
      <t>カナガワケン</t>
    </rPh>
    <rPh sb="4" eb="7">
      <t>キギョウチョウ</t>
    </rPh>
    <rPh sb="7" eb="9">
      <t>ユウリョウ</t>
    </rPh>
    <rPh sb="9" eb="11">
      <t>コウジ</t>
    </rPh>
    <rPh sb="11" eb="12">
      <t>トウ</t>
    </rPh>
    <rPh sb="12" eb="14">
      <t>キョクチョウ</t>
    </rPh>
    <rPh sb="14" eb="16">
      <t>ヒョウショウ</t>
    </rPh>
    <phoneticPr fontId="1"/>
  </si>
  <si>
    <t>相模原水道営業所</t>
    <rPh sb="0" eb="3">
      <t>サガミハラ</t>
    </rPh>
    <rPh sb="3" eb="5">
      <t>スイドウ</t>
    </rPh>
    <rPh sb="5" eb="8">
      <t>エイギョウショ</t>
    </rPh>
    <phoneticPr fontId="1"/>
  </si>
  <si>
    <t>藤沢水道営業所</t>
    <rPh sb="0" eb="2">
      <t>フジサワ</t>
    </rPh>
    <rPh sb="2" eb="4">
      <t>スイドウ</t>
    </rPh>
    <rPh sb="4" eb="7">
      <t>エイギョウショ</t>
    </rPh>
    <phoneticPr fontId="1"/>
  </si>
  <si>
    <t>平塚水道営業所</t>
    <rPh sb="0" eb="2">
      <t>ヒラツカ</t>
    </rPh>
    <rPh sb="2" eb="4">
      <t>スイドウ</t>
    </rPh>
    <rPh sb="4" eb="7">
      <t>エイギョウショ</t>
    </rPh>
    <phoneticPr fontId="1"/>
  </si>
  <si>
    <t>寒川浄水場</t>
    <rPh sb="0" eb="2">
      <t>サムカワ</t>
    </rPh>
    <rPh sb="2" eb="5">
      <t>ジョウスイジョウ</t>
    </rPh>
    <phoneticPr fontId="1"/>
  </si>
  <si>
    <t>谷ケ原浄水場</t>
  </si>
  <si>
    <t>寒川浄水場</t>
  </si>
  <si>
    <t>厚木水道営業所</t>
  </si>
  <si>
    <t>相模原水道営業所</t>
  </si>
  <si>
    <t>茅ヶ崎水道営業所</t>
  </si>
  <si>
    <t>水道施設課</t>
  </si>
  <si>
    <t>酒匂川水系ダム管理事務所</t>
  </si>
  <si>
    <t>津久井水道営業所</t>
  </si>
  <si>
    <t>厚木市松枝１丁目地内配水管改良工事</t>
  </si>
  <si>
    <t>H29</t>
  </si>
  <si>
    <t>H28</t>
  </si>
  <si>
    <t>過去10～４年間</t>
    <rPh sb="0" eb="2">
      <t>カコ</t>
    </rPh>
    <rPh sb="6" eb="8">
      <t>ネンカン</t>
    </rPh>
    <phoneticPr fontId="1"/>
  </si>
  <si>
    <t>海老名水道営業所</t>
    <rPh sb="0" eb="3">
      <t>エビナ</t>
    </rPh>
    <rPh sb="3" eb="5">
      <t>スイドウ</t>
    </rPh>
    <rPh sb="5" eb="8">
      <t>エイギョウショ</t>
    </rPh>
    <phoneticPr fontId="1"/>
  </si>
  <si>
    <t>相模川発電管理事務所</t>
    <rPh sb="0" eb="2">
      <t>サガミ</t>
    </rPh>
    <rPh sb="2" eb="3">
      <t>ガワ</t>
    </rPh>
    <rPh sb="3" eb="5">
      <t>ハツデン</t>
    </rPh>
    <rPh sb="5" eb="7">
      <t>カンリ</t>
    </rPh>
    <rPh sb="7" eb="9">
      <t>ジム</t>
    </rPh>
    <rPh sb="9" eb="10">
      <t>ショ</t>
    </rPh>
    <phoneticPr fontId="1"/>
  </si>
  <si>
    <t>丸豊建設 株式会社</t>
  </si>
  <si>
    <t>寒川浄水場特高受変電設備制御盤更新工事</t>
    <rPh sb="0" eb="2">
      <t>サムカワ</t>
    </rPh>
    <rPh sb="2" eb="5">
      <t>ジョウスイジョウ</t>
    </rPh>
    <rPh sb="5" eb="7">
      <t>トッコウ</t>
    </rPh>
    <rPh sb="7" eb="8">
      <t>ジュ</t>
    </rPh>
    <rPh sb="8" eb="10">
      <t>ヘンデン</t>
    </rPh>
    <rPh sb="10" eb="12">
      <t>セツビ</t>
    </rPh>
    <rPh sb="12" eb="14">
      <t>セイギョ</t>
    </rPh>
    <rPh sb="14" eb="15">
      <t>バン</t>
    </rPh>
    <rPh sb="15" eb="17">
      <t>コウシン</t>
    </rPh>
    <rPh sb="17" eb="19">
      <t>コウジ</t>
    </rPh>
    <phoneticPr fontId="2"/>
  </si>
  <si>
    <t>森の里ポンプ所電気設備更新工事</t>
    <rPh sb="0" eb="1">
      <t>モリ</t>
    </rPh>
    <rPh sb="2" eb="3">
      <t>サト</t>
    </rPh>
    <rPh sb="6" eb="7">
      <t>ショ</t>
    </rPh>
    <rPh sb="7" eb="9">
      <t>デンキ</t>
    </rPh>
    <rPh sb="9" eb="11">
      <t>セツビ</t>
    </rPh>
    <rPh sb="11" eb="13">
      <t>コウシン</t>
    </rPh>
    <rPh sb="13" eb="15">
      <t>コウジ</t>
    </rPh>
    <phoneticPr fontId="2"/>
  </si>
  <si>
    <t>藤沢市亀井野1515番地付近配水管改良工事</t>
    <rPh sb="0" eb="3">
      <t>フジサワシ</t>
    </rPh>
    <rPh sb="3" eb="6">
      <t>カメイノ</t>
    </rPh>
    <rPh sb="10" eb="12">
      <t>バンチ</t>
    </rPh>
    <rPh sb="12" eb="14">
      <t>フキン</t>
    </rPh>
    <rPh sb="14" eb="17">
      <t>ハイスイカン</t>
    </rPh>
    <rPh sb="17" eb="19">
      <t>カイリョウ</t>
    </rPh>
    <rPh sb="19" eb="21">
      <t>コウジ</t>
    </rPh>
    <phoneticPr fontId="4"/>
  </si>
  <si>
    <t>相模原市緑区小渕715番地付近配水管改良工事</t>
    <rPh sb="0" eb="4">
      <t>サガミハラシ</t>
    </rPh>
    <rPh sb="4" eb="6">
      <t>ミドリク</t>
    </rPh>
    <rPh sb="6" eb="8">
      <t>コブチ</t>
    </rPh>
    <rPh sb="11" eb="13">
      <t>バンチ</t>
    </rPh>
    <rPh sb="13" eb="15">
      <t>フキン</t>
    </rPh>
    <rPh sb="15" eb="17">
      <t>ハイスイ</t>
    </rPh>
    <rPh sb="17" eb="18">
      <t>カン</t>
    </rPh>
    <rPh sb="18" eb="20">
      <t>カイリョウ</t>
    </rPh>
    <rPh sb="20" eb="22">
      <t>コウジ</t>
    </rPh>
    <phoneticPr fontId="4"/>
  </si>
  <si>
    <t>藤沢市湘南台7丁目14番付近配水管改良工事</t>
    <rPh sb="0" eb="3">
      <t>フジサワシ</t>
    </rPh>
    <rPh sb="3" eb="6">
      <t>ショウナンダイ</t>
    </rPh>
    <rPh sb="7" eb="9">
      <t>チョウメ</t>
    </rPh>
    <rPh sb="11" eb="12">
      <t>バン</t>
    </rPh>
    <rPh sb="12" eb="14">
      <t>フキン</t>
    </rPh>
    <rPh sb="14" eb="16">
      <t>ハイスイ</t>
    </rPh>
    <rPh sb="16" eb="17">
      <t>カン</t>
    </rPh>
    <rPh sb="17" eb="19">
      <t>カイリョウ</t>
    </rPh>
    <rPh sb="19" eb="21">
      <t>コウジ</t>
    </rPh>
    <phoneticPr fontId="4"/>
  </si>
  <si>
    <t>相模原市緑区下九沢2917番地付近配水管布設工事</t>
    <rPh sb="0" eb="6">
      <t>サガミハラシミドリク</t>
    </rPh>
    <rPh sb="6" eb="7">
      <t>シモ</t>
    </rPh>
    <rPh sb="7" eb="8">
      <t>ク</t>
    </rPh>
    <rPh sb="8" eb="9">
      <t>サワ</t>
    </rPh>
    <rPh sb="13" eb="15">
      <t>バンチ</t>
    </rPh>
    <rPh sb="15" eb="20">
      <t>フキンハイスイカン</t>
    </rPh>
    <rPh sb="20" eb="24">
      <t>フセツコウジ</t>
    </rPh>
    <phoneticPr fontId="4"/>
  </si>
  <si>
    <t>二宮町百合が丘1丁目10番付近配水管改良工事（ゼロ県債）</t>
    <rPh sb="0" eb="3">
      <t>ニノミヤマチ</t>
    </rPh>
    <rPh sb="3" eb="5">
      <t>ユリ</t>
    </rPh>
    <rPh sb="6" eb="7">
      <t>オカ</t>
    </rPh>
    <rPh sb="8" eb="10">
      <t>チョウメ</t>
    </rPh>
    <rPh sb="12" eb="13">
      <t>バン</t>
    </rPh>
    <rPh sb="13" eb="15">
      <t>フキン</t>
    </rPh>
    <rPh sb="15" eb="18">
      <t>ハイスイカン</t>
    </rPh>
    <rPh sb="18" eb="20">
      <t>カイリョウ</t>
    </rPh>
    <rPh sb="20" eb="22">
      <t>コウジ</t>
    </rPh>
    <rPh sb="25" eb="27">
      <t>ケンサイ</t>
    </rPh>
    <phoneticPr fontId="3"/>
  </si>
  <si>
    <t>厚木市飯山2290番地付近配水管布設工事</t>
    <rPh sb="0" eb="3">
      <t>アツギシ</t>
    </rPh>
    <rPh sb="3" eb="5">
      <t>イイヤマ</t>
    </rPh>
    <rPh sb="9" eb="11">
      <t>バンチ</t>
    </rPh>
    <rPh sb="11" eb="13">
      <t>フキン</t>
    </rPh>
    <rPh sb="13" eb="15">
      <t>ハイスイ</t>
    </rPh>
    <rPh sb="15" eb="16">
      <t>カン</t>
    </rPh>
    <rPh sb="16" eb="18">
      <t>フセツ</t>
    </rPh>
    <rPh sb="18" eb="20">
      <t>コウジ</t>
    </rPh>
    <phoneticPr fontId="3"/>
  </si>
  <si>
    <t>厚木市戸田324番地付近配水管改良工事</t>
    <rPh sb="0" eb="3">
      <t>アツギシ</t>
    </rPh>
    <rPh sb="3" eb="5">
      <t>トダ</t>
    </rPh>
    <rPh sb="8" eb="10">
      <t>バンチ</t>
    </rPh>
    <rPh sb="10" eb="12">
      <t>フキン</t>
    </rPh>
    <rPh sb="12" eb="15">
      <t>ハイスイカン</t>
    </rPh>
    <rPh sb="15" eb="17">
      <t>カイリョウ</t>
    </rPh>
    <rPh sb="17" eb="19">
      <t>コウジ</t>
    </rPh>
    <phoneticPr fontId="4"/>
  </si>
  <si>
    <t>平塚市上平塚5番地付近配水管改良工事</t>
    <rPh sb="0" eb="3">
      <t>ヒラツカシ</t>
    </rPh>
    <rPh sb="3" eb="6">
      <t>カミヒラツカ</t>
    </rPh>
    <rPh sb="7" eb="9">
      <t>バンチ</t>
    </rPh>
    <rPh sb="9" eb="11">
      <t>フキン</t>
    </rPh>
    <rPh sb="11" eb="13">
      <t>ハイスイ</t>
    </rPh>
    <rPh sb="13" eb="14">
      <t>カン</t>
    </rPh>
    <rPh sb="14" eb="16">
      <t>カイリョウ</t>
    </rPh>
    <rPh sb="16" eb="18">
      <t>コウジ</t>
    </rPh>
    <phoneticPr fontId="4"/>
  </si>
  <si>
    <t>平塚市天沼地区土地区画整理事業特別給水装置工事（その3）</t>
    <rPh sb="0" eb="3">
      <t>ヒラツカシ</t>
    </rPh>
    <rPh sb="3" eb="5">
      <t>アマヌマ</t>
    </rPh>
    <rPh sb="5" eb="7">
      <t>チク</t>
    </rPh>
    <rPh sb="7" eb="9">
      <t>トチ</t>
    </rPh>
    <rPh sb="9" eb="11">
      <t>クカク</t>
    </rPh>
    <rPh sb="11" eb="13">
      <t>セイリ</t>
    </rPh>
    <rPh sb="13" eb="15">
      <t>ジギョウ</t>
    </rPh>
    <rPh sb="15" eb="17">
      <t>トクベツ</t>
    </rPh>
    <rPh sb="17" eb="19">
      <t>キュウスイ</t>
    </rPh>
    <rPh sb="19" eb="21">
      <t>ソウチ</t>
    </rPh>
    <rPh sb="21" eb="23">
      <t>コウジ</t>
    </rPh>
    <phoneticPr fontId="4"/>
  </si>
  <si>
    <t>津久井水道営業所</t>
    <rPh sb="3" eb="5">
      <t>スイドウ</t>
    </rPh>
    <rPh sb="5" eb="8">
      <t>エイギョウショ</t>
    </rPh>
    <phoneticPr fontId="1"/>
  </si>
  <si>
    <t>藤沢水道営業所</t>
    <rPh sb="2" eb="4">
      <t>スイドウ</t>
    </rPh>
    <rPh sb="4" eb="7">
      <t>エイギョウショ</t>
    </rPh>
    <phoneticPr fontId="1"/>
  </si>
  <si>
    <t>厚木水道営業所</t>
    <rPh sb="2" eb="4">
      <t>スイドウ</t>
    </rPh>
    <rPh sb="4" eb="7">
      <t>エイギョウショ</t>
    </rPh>
    <phoneticPr fontId="1"/>
  </si>
  <si>
    <t>東名電気 有限会社</t>
  </si>
  <si>
    <t>株式会社 池田建設</t>
  </si>
  <si>
    <t>湘南テクノス 株式会社</t>
  </si>
  <si>
    <t>山﨑水道建設 株式会社</t>
  </si>
  <si>
    <t>小川水道土木 株式会社</t>
  </si>
  <si>
    <t>ウィンテック 株式会社</t>
  </si>
  <si>
    <t>若林建設 株式会社</t>
  </si>
  <si>
    <t>東翔工業 有限会社</t>
  </si>
  <si>
    <t>玄倉ダム洪水吐ゲート巻上機更新工事</t>
  </si>
  <si>
    <t>一色配水池他緊急遮断弁設備更新工事</t>
  </si>
  <si>
    <t>相模原市緑区橋本４丁目地内配水管改良工事</t>
  </si>
  <si>
    <t>寒川浄水場流量計他更新工事</t>
  </si>
  <si>
    <t>伊勢原市上粕屋地内配水管改良工事</t>
  </si>
  <si>
    <t>与瀬ポンプ所他電気設備更新工事</t>
  </si>
  <si>
    <t>相模原市中央区上溝地内配水管改良工事</t>
  </si>
  <si>
    <t>相模原市緑区名倉地内配水管改良工事</t>
  </si>
  <si>
    <t>茅ヶ崎市赤羽根地内配水管切回工事</t>
  </si>
  <si>
    <t>厚木市七沢地内配水管切回工事</t>
  </si>
  <si>
    <t>水道</t>
    <rPh sb="0" eb="2">
      <t>スイドウ</t>
    </rPh>
    <phoneticPr fontId="1"/>
  </si>
  <si>
    <t>土木</t>
    <rPh sb="0" eb="2">
      <t>ドボク</t>
    </rPh>
    <phoneticPr fontId="1"/>
  </si>
  <si>
    <t>メタウォーター 株式会社</t>
    <rPh sb="8" eb="10">
      <t>カブシキ</t>
    </rPh>
    <rPh sb="10" eb="12">
      <t>カイシャ</t>
    </rPh>
    <phoneticPr fontId="1"/>
  </si>
  <si>
    <t>有限会社 太陽ホーム産業</t>
    <rPh sb="0" eb="4">
      <t>ユウゲンガイシャ</t>
    </rPh>
    <phoneticPr fontId="1"/>
  </si>
  <si>
    <t>株式会社 菊地原建設工業</t>
    <rPh sb="0" eb="4">
      <t>カブシキガイシャ</t>
    </rPh>
    <phoneticPr fontId="1"/>
  </si>
  <si>
    <t>相原建設 株式会社</t>
    <rPh sb="5" eb="9">
      <t>カブシキガイシャ</t>
    </rPh>
    <phoneticPr fontId="1"/>
  </si>
  <si>
    <t>水道</t>
  </si>
  <si>
    <t>株式会社 入内島土建</t>
  </si>
  <si>
    <t>株式会社 富士設備</t>
  </si>
  <si>
    <t>日東河川工業 株式会社 関東営業所</t>
  </si>
  <si>
    <t>東芝プラントシステム 株式会社</t>
  </si>
  <si>
    <t>有限会社 神田組</t>
  </si>
  <si>
    <t>有限会社 大貫設備</t>
  </si>
  <si>
    <t>株式会社 関野工務店</t>
  </si>
  <si>
    <t>有限会社 丸栄設備</t>
  </si>
  <si>
    <t>設備等</t>
    <rPh sb="0" eb="3">
      <t>セツビトウ</t>
    </rPh>
    <phoneticPr fontId="1"/>
  </si>
  <si>
    <t>設備等</t>
    <rPh sb="0" eb="2">
      <t>セツビ</t>
    </rPh>
    <rPh sb="2" eb="3">
      <t>トウ</t>
    </rPh>
    <phoneticPr fontId="1"/>
  </si>
  <si>
    <t>H30</t>
  </si>
  <si>
    <t>株式会社　東光高岳　横浜営業所</t>
    <rPh sb="0" eb="4">
      <t>カブシキガイシャ</t>
    </rPh>
    <rPh sb="10" eb="12">
      <t>ヨコハマ</t>
    </rPh>
    <phoneticPr fontId="1"/>
  </si>
  <si>
    <t>相模(発)取引用計量装置整備工事</t>
  </si>
  <si>
    <t>相模川発電管理事務所</t>
  </si>
  <si>
    <t>稲葉電気興業　株式会社</t>
    <rPh sb="7" eb="11">
      <t>カブシキガイシャ</t>
    </rPh>
    <phoneticPr fontId="1"/>
  </si>
  <si>
    <t>逗子配水池無停電電源装置更新工事</t>
  </si>
  <si>
    <t>有限会社　カシワギ電機</t>
    <rPh sb="0" eb="4">
      <t>ユウゲンガイシャ</t>
    </rPh>
    <phoneticPr fontId="1"/>
  </si>
  <si>
    <t>桜山低区配水池他流量計更新工事</t>
  </si>
  <si>
    <t>東名電気　有限会社</t>
    <rPh sb="5" eb="9">
      <t>ユウゲンガイシャ</t>
    </rPh>
    <phoneticPr fontId="1"/>
  </si>
  <si>
    <t>城山ダム自動水質観測装置更新工事</t>
  </si>
  <si>
    <t>相模川水系ダム管理事務所</t>
  </si>
  <si>
    <t>株式会社　日東建設</t>
    <rPh sb="0" eb="4">
      <t>カブシキガイシャ</t>
    </rPh>
    <phoneticPr fontId="1"/>
  </si>
  <si>
    <t>平塚市横内3824番地付近配水管改良工事(概数設計)</t>
  </si>
  <si>
    <t>平塚水道営業所</t>
    <rPh sb="2" eb="7">
      <t>スイドウエイギョウショ</t>
    </rPh>
    <phoneticPr fontId="1"/>
  </si>
  <si>
    <t>株式会社　勝栄工業</t>
    <rPh sb="0" eb="4">
      <t>カブシキガイシャ</t>
    </rPh>
    <phoneticPr fontId="1"/>
  </si>
  <si>
    <t>寒川浄水場送泥管修理工事</t>
  </si>
  <si>
    <t>浅岡建設　株式会社</t>
    <rPh sb="5" eb="9">
      <t>カブシキガイシャ</t>
    </rPh>
    <phoneticPr fontId="1"/>
  </si>
  <si>
    <t>山ノ内送水管基幹管路更新工事(第５工区その１)</t>
  </si>
  <si>
    <t>有限会社　武井設備</t>
    <rPh sb="0" eb="4">
      <t>ユウゲンガイシャ</t>
    </rPh>
    <phoneticPr fontId="1"/>
  </si>
  <si>
    <t>二宮町山西872番地付近配水管改良工事(概数設計)</t>
  </si>
  <si>
    <t>株式会社　久保田建設</t>
    <rPh sb="0" eb="4">
      <t>カブシキガイシャ</t>
    </rPh>
    <phoneticPr fontId="1"/>
  </si>
  <si>
    <t>上惣領低区配水池整備工事</t>
  </si>
  <si>
    <t>株式会社　コハラ</t>
    <rPh sb="0" eb="4">
      <t>カブシキガイシャ</t>
    </rPh>
    <phoneticPr fontId="1"/>
  </si>
  <si>
    <t>海老名市河原口１丁目16番付近配水管改良工事(ゼロ県債)</t>
  </si>
  <si>
    <t>海老名水道営業所</t>
    <rPh sb="3" eb="8">
      <t>スイドウエイギョウショ</t>
    </rPh>
    <phoneticPr fontId="1"/>
  </si>
  <si>
    <t>葉山設備工業　株式会社</t>
    <rPh sb="7" eb="11">
      <t>カブシキガイシャ</t>
    </rPh>
    <phoneticPr fontId="1"/>
  </si>
  <si>
    <t>藤沢市湘南台４丁目８番付近配水管改良工事(ゼロ県債)</t>
  </si>
  <si>
    <t>藤沢水道営業所</t>
    <rPh sb="2" eb="7">
      <t>スイドウエイギョウショ</t>
    </rPh>
    <phoneticPr fontId="1"/>
  </si>
  <si>
    <t>日総プランテック　株式会社</t>
    <rPh sb="9" eb="13">
      <t>カブシキガイシャ</t>
    </rPh>
    <phoneticPr fontId="1"/>
  </si>
  <si>
    <t>藤沢市湘南台１丁目31番付近配水管改良工事</t>
  </si>
  <si>
    <t>有限会社 湘南工事</t>
    <rPh sb="0" eb="2">
      <t>ユウゲン</t>
    </rPh>
    <rPh sb="2" eb="4">
      <t>カイシャ</t>
    </rPh>
    <rPh sb="5" eb="7">
      <t>ショウナン</t>
    </rPh>
    <rPh sb="7" eb="9">
      <t>コウジ</t>
    </rPh>
    <phoneticPr fontId="1"/>
  </si>
  <si>
    <t>海老名市国分寺台5丁目地内配水管改良工事</t>
    <rPh sb="0" eb="4">
      <t>エビナシ</t>
    </rPh>
    <rPh sb="4" eb="8">
      <t>コクブンジダイ</t>
    </rPh>
    <rPh sb="9" eb="11">
      <t>チョウメ</t>
    </rPh>
    <rPh sb="11" eb="13">
      <t>チナイ</t>
    </rPh>
    <rPh sb="13" eb="16">
      <t>ハイスイカン</t>
    </rPh>
    <rPh sb="16" eb="18">
      <t>カイリョウ</t>
    </rPh>
    <rPh sb="18" eb="20">
      <t>コウジ</t>
    </rPh>
    <phoneticPr fontId="4"/>
  </si>
  <si>
    <t>R01</t>
  </si>
  <si>
    <t>R01</t>
    <phoneticPr fontId="1"/>
  </si>
  <si>
    <t>荏原実業 株式会社　神奈川支社</t>
    <phoneticPr fontId="1"/>
  </si>
  <si>
    <t>ＪＦＥエンジニアリング 株式会社</t>
    <phoneticPr fontId="1"/>
  </si>
  <si>
    <t>ツチヤ総建 株式会社</t>
    <phoneticPr fontId="1"/>
  </si>
  <si>
    <t>伊澤建設 株式会社</t>
    <rPh sb="7" eb="9">
      <t>カイシャ</t>
    </rPh>
    <phoneticPr fontId="1"/>
  </si>
  <si>
    <t>株式会社 古川電機</t>
    <phoneticPr fontId="1"/>
  </si>
  <si>
    <t>有限会社 岩田土木管工</t>
    <phoneticPr fontId="1"/>
  </si>
  <si>
    <t>有限会社 三田工業</t>
    <phoneticPr fontId="1"/>
  </si>
  <si>
    <t>相和設備工業 株式会社</t>
    <phoneticPr fontId="1"/>
  </si>
  <si>
    <t>有限会社 大貫設備</t>
    <phoneticPr fontId="1"/>
  </si>
  <si>
    <t>城山発電所放水路ポンプ設備更新工事</t>
    <phoneticPr fontId="1"/>
  </si>
  <si>
    <t>湘南東送水管第１号改良工事</t>
    <phoneticPr fontId="1"/>
  </si>
  <si>
    <t>大和市中央３丁目地内配水管改良工事</t>
    <phoneticPr fontId="1"/>
  </si>
  <si>
    <t>藤沢市用田地内配水管改良工事</t>
    <phoneticPr fontId="1"/>
  </si>
  <si>
    <t>愛川第２発電所制御用電源装置更新工事</t>
    <phoneticPr fontId="1"/>
  </si>
  <si>
    <t>大磯町国府新宿地内配水管切回工事</t>
    <phoneticPr fontId="1"/>
  </si>
  <si>
    <t>厚木市愛甲１丁目地内配水管改良工事</t>
    <phoneticPr fontId="1"/>
  </si>
  <si>
    <t>藤沢市片瀬山３丁目地内配水管改良工事</t>
    <phoneticPr fontId="1"/>
  </si>
  <si>
    <t>厚木市七沢地内配水管改良工事</t>
    <phoneticPr fontId="1"/>
  </si>
  <si>
    <t>相模川水系ダム管理事務所</t>
    <phoneticPr fontId="1"/>
  </si>
  <si>
    <t>水道施設課</t>
    <phoneticPr fontId="1"/>
  </si>
  <si>
    <t>大和水道営業所</t>
    <phoneticPr fontId="1"/>
  </si>
  <si>
    <t>藤沢水道営業所</t>
    <phoneticPr fontId="1"/>
  </si>
  <si>
    <t>相模川発電管理事務所</t>
    <phoneticPr fontId="1"/>
  </si>
  <si>
    <t>平塚水道営業所</t>
    <phoneticPr fontId="1"/>
  </si>
  <si>
    <t>厚木水道営業所</t>
    <phoneticPr fontId="1"/>
  </si>
  <si>
    <t>R02</t>
  </si>
  <si>
    <t>R02</t>
    <phoneticPr fontId="1"/>
  </si>
  <si>
    <t>昱株式会社　神奈川支店</t>
    <rPh sb="1" eb="3">
      <t>カブシキ</t>
    </rPh>
    <rPh sb="3" eb="5">
      <t>カイシャ</t>
    </rPh>
    <phoneticPr fontId="2"/>
  </si>
  <si>
    <t>有限会社　協栄産業</t>
    <rPh sb="0" eb="2">
      <t>ユウゲン</t>
    </rPh>
    <rPh sb="2" eb="4">
      <t>カイシャ</t>
    </rPh>
    <phoneticPr fontId="2"/>
  </si>
  <si>
    <t>株式会社　コハラ</t>
  </si>
  <si>
    <t>株式会社　田中建設</t>
  </si>
  <si>
    <t>株式会社　マルイ設備</t>
    <rPh sb="0" eb="4">
      <t>カブシキカイシャ</t>
    </rPh>
    <phoneticPr fontId="2"/>
  </si>
  <si>
    <t>株式会社　今井水道設備</t>
  </si>
  <si>
    <t>株式会社　鎌倉日本土木</t>
  </si>
  <si>
    <t>木下建設株式会社</t>
    <rPh sb="4" eb="8">
      <t>カブシキカイシャ</t>
    </rPh>
    <phoneticPr fontId="2"/>
  </si>
  <si>
    <t>有限会社　田中装建</t>
    <rPh sb="0" eb="2">
      <t>ユウゲン</t>
    </rPh>
    <rPh sb="2" eb="4">
      <t>カイシャ</t>
    </rPh>
    <phoneticPr fontId="2"/>
  </si>
  <si>
    <t>北鎌倉ポンプ所電気設備更新工事</t>
  </si>
  <si>
    <t>藤沢市石川～西俣野基幹管路更新工事</t>
  </si>
  <si>
    <t>茅ヶ崎市中島地内配水管改良工事</t>
    <rPh sb="6" eb="8">
      <t>チナイ</t>
    </rPh>
    <phoneticPr fontId="2"/>
  </si>
  <si>
    <t>伊勢原市田中地内配水管改良工事</t>
    <rPh sb="6" eb="8">
      <t>チナイ</t>
    </rPh>
    <phoneticPr fontId="2"/>
  </si>
  <si>
    <t>茅ヶ崎市東海岸北４丁目地内配水管改良工事</t>
    <rPh sb="11" eb="13">
      <t>チナイ</t>
    </rPh>
    <phoneticPr fontId="2"/>
  </si>
  <si>
    <t>藤沢市長後地内配水管改良工事</t>
    <rPh sb="5" eb="7">
      <t>チナイ</t>
    </rPh>
    <phoneticPr fontId="2"/>
  </si>
  <si>
    <t>鎌倉市玉縄1丁目地内配水管改良工事</t>
    <rPh sb="8" eb="10">
      <t>チナイ</t>
    </rPh>
    <phoneticPr fontId="2"/>
  </si>
  <si>
    <t>三ノ宮低区配水池耐震補強工事</t>
  </si>
  <si>
    <t>海老名市河原口３丁目地内配水管切回工事</t>
    <rPh sb="10" eb="12">
      <t>チナイ</t>
    </rPh>
    <phoneticPr fontId="2"/>
  </si>
  <si>
    <t>寒川浄水場</t>
    <rPh sb="0" eb="2">
      <t>サムカワ</t>
    </rPh>
    <rPh sb="2" eb="5">
      <t>ジョウスイジョウ</t>
    </rPh>
    <phoneticPr fontId="2"/>
  </si>
  <si>
    <t>水道施設課</t>
    <rPh sb="0" eb="2">
      <t>スイドウ</t>
    </rPh>
    <rPh sb="2" eb="4">
      <t>シセツ</t>
    </rPh>
    <rPh sb="4" eb="5">
      <t>カ</t>
    </rPh>
    <phoneticPr fontId="2"/>
  </si>
  <si>
    <t>茅ケ崎水道営業所</t>
    <rPh sb="0" eb="3">
      <t>チガサキ</t>
    </rPh>
    <rPh sb="3" eb="5">
      <t>スイドウ</t>
    </rPh>
    <rPh sb="5" eb="8">
      <t>エイギョウショ</t>
    </rPh>
    <phoneticPr fontId="2"/>
  </si>
  <si>
    <t>厚木水道営業所</t>
    <rPh sb="0" eb="7">
      <t>アツギスイドウエイギョウショ</t>
    </rPh>
    <phoneticPr fontId="2"/>
  </si>
  <si>
    <t>藤沢水道営業所</t>
    <rPh sb="0" eb="7">
      <t>フジサワスイドウエイギョウショ</t>
    </rPh>
    <phoneticPr fontId="2"/>
  </si>
  <si>
    <t>鎌倉水道営業所</t>
    <rPh sb="0" eb="7">
      <t>カマクラスイドウエイギョウショ</t>
    </rPh>
    <phoneticPr fontId="2"/>
  </si>
  <si>
    <t>海老名水道営業所</t>
    <rPh sb="0" eb="8">
      <t>エビナスイドウエイギョウショ</t>
    </rPh>
    <phoneticPr fontId="2"/>
  </si>
  <si>
    <t>R03</t>
  </si>
  <si>
    <t>R03</t>
    <phoneticPr fontId="1"/>
  </si>
  <si>
    <t>稲葉電気興業株式会社</t>
  </si>
  <si>
    <t>株式会社太陽システム</t>
  </si>
  <si>
    <t>西建設工業株式会社</t>
  </si>
  <si>
    <t>株式会社コハラ</t>
  </si>
  <si>
    <t>株式会社米持工業</t>
  </si>
  <si>
    <t>有限会社武藤工務店</t>
  </si>
  <si>
    <t>有限会社本田電気商会</t>
  </si>
  <si>
    <t>湯浅土建株式会社</t>
  </si>
  <si>
    <t>有限会社五葉工業</t>
  </si>
  <si>
    <t>株式会社鎌倉日本土木</t>
  </si>
  <si>
    <t>中野高区配水池緊急遮断弁用無停電電源設備更新工事</t>
  </si>
  <si>
    <t>放流警報設備更新工事(公共)</t>
  </si>
  <si>
    <t>藤沢市辻堂５丁目20番付近配水管改良工事（概数設計）</t>
  </si>
  <si>
    <t>海老名市東柏ケ谷２丁目１番付近配水管改良工事</t>
  </si>
  <si>
    <t>逗子市逗子6丁目2番付近配水管改良工事(概数設計)</t>
  </si>
  <si>
    <t>逗子市久木8丁目19番付近配水管改良工事</t>
  </si>
  <si>
    <t>道志2(発)制御用電源装置更新工事</t>
  </si>
  <si>
    <t>大和市中央林間５丁目４番付近配水管改良工事（概数設計）（ゼロ県債）</t>
  </si>
  <si>
    <t>鎌倉市玉縄5丁目26番付近配水管改良工事(概数設計)</t>
  </si>
  <si>
    <t>鎌倉市雪ノ下3丁目6番付近配水管改良工事(概数設計)</t>
  </si>
  <si>
    <t>藤沢水道営業所</t>
  </si>
  <si>
    <t>海老名水道営業所</t>
  </si>
  <si>
    <t>鎌倉水道営業所</t>
  </si>
  <si>
    <t>大和水道営業所</t>
  </si>
  <si>
    <t>相模原南水道営業所</t>
  </si>
  <si>
    <t>茅ケ崎水道営業所</t>
  </si>
  <si>
    <t>株式会社　山善</t>
  </si>
  <si>
    <t>東芝インフラシステムズ株式会社</t>
  </si>
  <si>
    <t>株式会社　田所設備</t>
  </si>
  <si>
    <t>豊建設株式会社</t>
  </si>
  <si>
    <t>株式会社　折本設備</t>
  </si>
  <si>
    <t>株式会社　相模土建</t>
  </si>
  <si>
    <t>株式会社　和孝</t>
  </si>
  <si>
    <t>有限会社　坂巻設備</t>
  </si>
  <si>
    <t>株式会社　大塚工業</t>
  </si>
  <si>
    <t>山北町洒水の滝遊歩道等整備工事</t>
  </si>
  <si>
    <t>寒川浄水場中央監視及び分散制御設備更新工事</t>
  </si>
  <si>
    <t>相模原市中央区宮下１丁目地内特別給水装置工事(第４工区)</t>
  </si>
  <si>
    <t>伊勢原市大山地内配水管改良工事</t>
  </si>
  <si>
    <t>相模原市南区相模台２丁目地内配水管改良工事</t>
  </si>
  <si>
    <t>相模原市南区東大沼２丁目地内配水管改良工事</t>
  </si>
  <si>
    <t>藤沢市片瀬海岸３丁目地内配水管改良工事</t>
  </si>
  <si>
    <t>相模原市南区鵜野森３丁目地内配水管改良工事</t>
  </si>
  <si>
    <t>伊勢原市石田地内配水管改良工事</t>
  </si>
  <si>
    <t>寒川町岡田地内配水管布設工事</t>
  </si>
  <si>
    <t>R04</t>
    <phoneticPr fontId="1"/>
  </si>
  <si>
    <t>R03</t>
    <phoneticPr fontId="1"/>
  </si>
  <si>
    <t>R05</t>
    <phoneticPr fontId="1"/>
  </si>
  <si>
    <t>株式会社　門倉組</t>
    <phoneticPr fontId="1"/>
  </si>
  <si>
    <t>有限会社　アゼハラ設備</t>
    <phoneticPr fontId="1"/>
  </si>
  <si>
    <t>株式会社　菊地建設興業</t>
    <phoneticPr fontId="1"/>
  </si>
  <si>
    <t>有限会社　協栄産業</t>
    <phoneticPr fontId="1"/>
  </si>
  <si>
    <t>株式会社　寿組</t>
    <phoneticPr fontId="1"/>
  </si>
  <si>
    <t>株式会社　渡栄土木</t>
    <phoneticPr fontId="1"/>
  </si>
  <si>
    <t>有限会社　藤野電工</t>
    <phoneticPr fontId="1"/>
  </si>
  <si>
    <t>有限会社　カワニシ</t>
    <phoneticPr fontId="1"/>
  </si>
  <si>
    <t>株式会社　ＣＯＲＡＬ</t>
    <phoneticPr fontId="1"/>
  </si>
  <si>
    <t xml:space="preserve">有限会社　本田電気商会 </t>
    <phoneticPr fontId="1"/>
  </si>
  <si>
    <t>水道</t>
    <rPh sb="0" eb="2">
      <t>スイドウ</t>
    </rPh>
    <phoneticPr fontId="1"/>
  </si>
  <si>
    <t>大和市大和南１丁目地内配水管改良工事</t>
    <phoneticPr fontId="1"/>
  </si>
  <si>
    <t>茅ヶ崎市萩園地内配水管改良工事</t>
    <phoneticPr fontId="1"/>
  </si>
  <si>
    <t>相模原市緑区寸沢嵐地内配水管布設工事</t>
    <phoneticPr fontId="1"/>
  </si>
  <si>
    <t>上和田減圧弁更新工事（第４工区）</t>
    <phoneticPr fontId="1"/>
  </si>
  <si>
    <t>道志第１発電所下流警報装置改修工事</t>
    <phoneticPr fontId="1"/>
  </si>
  <si>
    <t>茅ヶ崎市東海岸南６丁目地内配水管切回工事</t>
    <phoneticPr fontId="1"/>
  </si>
  <si>
    <t>国府支管基幹管路更新工事（第１工区）</t>
    <phoneticPr fontId="1"/>
  </si>
  <si>
    <t>発電総合制御所無停電電源装置蓄電池更新工事</t>
    <phoneticPr fontId="1"/>
  </si>
  <si>
    <t>鎌倉水道営業所</t>
    <rPh sb="0" eb="2">
      <t>カマクラ</t>
    </rPh>
    <rPh sb="2" eb="4">
      <t>スイドウ</t>
    </rPh>
    <rPh sb="4" eb="7">
      <t>エイギョウショ</t>
    </rPh>
    <phoneticPr fontId="1"/>
  </si>
  <si>
    <t>大和水道営業所</t>
    <rPh sb="0" eb="2">
      <t>ヤマト</t>
    </rPh>
    <rPh sb="2" eb="4">
      <t>スイドウ</t>
    </rPh>
    <rPh sb="4" eb="7">
      <t>エイギョウショ</t>
    </rPh>
    <phoneticPr fontId="1"/>
  </si>
  <si>
    <t>茅ケ崎水道営業所</t>
    <rPh sb="0" eb="3">
      <t>チガサキ</t>
    </rPh>
    <rPh sb="3" eb="5">
      <t>スイドウ</t>
    </rPh>
    <rPh sb="5" eb="8">
      <t>エイギョウショ</t>
    </rPh>
    <phoneticPr fontId="1"/>
  </si>
  <si>
    <t>津久井水道営業所</t>
    <rPh sb="0" eb="3">
      <t>ツクイ</t>
    </rPh>
    <rPh sb="3" eb="5">
      <t>スイドウ</t>
    </rPh>
    <rPh sb="5" eb="8">
      <t>エイギョウショ</t>
    </rPh>
    <phoneticPr fontId="1"/>
  </si>
  <si>
    <t>相模川発電管理事務所</t>
    <rPh sb="0" eb="2">
      <t>サガミ</t>
    </rPh>
    <rPh sb="2" eb="3">
      <t>ガワ</t>
    </rPh>
    <rPh sb="3" eb="5">
      <t>ハツデン</t>
    </rPh>
    <rPh sb="5" eb="7">
      <t>カンリ</t>
    </rPh>
    <rPh sb="7" eb="9">
      <t>ジム</t>
    </rPh>
    <rPh sb="9" eb="10">
      <t>ショ</t>
    </rPh>
    <phoneticPr fontId="1"/>
  </si>
  <si>
    <t>水道施設課</t>
    <rPh sb="0" eb="2">
      <t>スイドウ</t>
    </rPh>
    <rPh sb="2" eb="5">
      <t>シセツカ</t>
    </rPh>
    <phoneticPr fontId="1"/>
  </si>
  <si>
    <t>鎌倉市西鎌倉４丁目地内配水管改良工事</t>
    <phoneticPr fontId="1"/>
  </si>
  <si>
    <t>熊谷・アコック特定建設工事　共同企業体</t>
    <phoneticPr fontId="1"/>
  </si>
  <si>
    <t>北相送水管（中津支管）切回工事（道路改良）（第２工区）</t>
    <phoneticPr fontId="6"/>
  </si>
  <si>
    <t>上今泉配水池電気機械設備更新工事</t>
    <phoneticPr fontId="6"/>
  </si>
  <si>
    <t>相模原南水道営業所</t>
    <rPh sb="0" eb="3">
      <t>サガミハラ</t>
    </rPh>
    <rPh sb="3" eb="4">
      <t>ミナミ</t>
    </rPh>
    <rPh sb="4" eb="6">
      <t>スイドウ</t>
    </rPh>
    <rPh sb="6" eb="9">
      <t>エイギョウショ</t>
    </rPh>
    <phoneticPr fontId="6"/>
  </si>
  <si>
    <t>寒川浄水場</t>
    <rPh sb="0" eb="2">
      <t>サムカワ</t>
    </rPh>
    <rPh sb="2" eb="5">
      <t>ジョウスイジョウ</t>
    </rPh>
    <phoneticPr fontId="6"/>
  </si>
  <si>
    <t>株式会社太陽システム</t>
    <phoneticPr fontId="1"/>
  </si>
  <si>
    <t>R06</t>
  </si>
  <si>
    <t>R06</t>
    <phoneticPr fontId="1"/>
  </si>
  <si>
    <t>株式会社金子建材土木</t>
    <rPh sb="0" eb="4">
      <t>カブシキガイシャ</t>
    </rPh>
    <rPh sb="4" eb="6">
      <t>カネコ</t>
    </rPh>
    <rPh sb="6" eb="8">
      <t>ケンザイ</t>
    </rPh>
    <rPh sb="8" eb="10">
      <t>ドボク</t>
    </rPh>
    <phoneticPr fontId="1"/>
  </si>
  <si>
    <t>有限会社太陽ホーム産業</t>
    <rPh sb="0" eb="4">
      <t>ユウゲンガイシャ</t>
    </rPh>
    <rPh sb="4" eb="6">
      <t>タイヨウ</t>
    </rPh>
    <rPh sb="9" eb="11">
      <t>サンギョウ</t>
    </rPh>
    <phoneticPr fontId="1"/>
  </si>
  <si>
    <t>西建設工業株式会社</t>
    <rPh sb="0" eb="1">
      <t>ニシ</t>
    </rPh>
    <rPh sb="1" eb="3">
      <t>ケンセツ</t>
    </rPh>
    <rPh sb="3" eb="5">
      <t>コウギョウ</t>
    </rPh>
    <phoneticPr fontId="2"/>
  </si>
  <si>
    <t>平井工業株式会社</t>
    <rPh sb="0" eb="2">
      <t>ヒライ</t>
    </rPh>
    <rPh sb="2" eb="4">
      <t>コウギョウ</t>
    </rPh>
    <rPh sb="4" eb="8">
      <t>カブシキガイシャ</t>
    </rPh>
    <phoneticPr fontId="1"/>
  </si>
  <si>
    <t>増田工業株式会社</t>
    <rPh sb="0" eb="2">
      <t>マスダ</t>
    </rPh>
    <rPh sb="2" eb="4">
      <t>コウギョウ</t>
    </rPh>
    <rPh sb="4" eb="8">
      <t>カブシキガイシャ</t>
    </rPh>
    <phoneticPr fontId="1"/>
  </si>
  <si>
    <t>株式会社マルイ設備</t>
    <rPh sb="0" eb="4">
      <t>カブシキガイシャ</t>
    </rPh>
    <rPh sb="7" eb="9">
      <t>セツビ</t>
    </rPh>
    <phoneticPr fontId="1"/>
  </si>
  <si>
    <t>寒川町宮山165番地内配水管改良工事</t>
    <rPh sb="8" eb="9">
      <t>バン</t>
    </rPh>
    <rPh sb="9" eb="10">
      <t>チ</t>
    </rPh>
    <rPh sb="10" eb="11">
      <t>ナイ</t>
    </rPh>
    <phoneticPr fontId="1"/>
  </si>
  <si>
    <t>藤沢市高倉887番地内配水管改良工事</t>
    <rPh sb="8" eb="9">
      <t>バン</t>
    </rPh>
    <rPh sb="9" eb="10">
      <t>チ</t>
    </rPh>
    <rPh sb="10" eb="11">
      <t>ナイ</t>
    </rPh>
    <phoneticPr fontId="1"/>
  </si>
  <si>
    <t>藤沢市善行団地３番地内配水管改良工事</t>
    <rPh sb="9" eb="11">
      <t>チナイ</t>
    </rPh>
    <phoneticPr fontId="2"/>
  </si>
  <si>
    <t>道志調整池護岸工事</t>
    <rPh sb="0" eb="2">
      <t>ドウシ</t>
    </rPh>
    <rPh sb="2" eb="5">
      <t>チョウセイチ</t>
    </rPh>
    <rPh sb="5" eb="7">
      <t>ゴガン</t>
    </rPh>
    <rPh sb="7" eb="9">
      <t>コウジ</t>
    </rPh>
    <phoneticPr fontId="1"/>
  </si>
  <si>
    <t>寒川第３浄水場特別高圧受電棟改修（浸水対策）工事</t>
  </si>
  <si>
    <t>茅ヶ崎市浜竹４丁目地内配水管改良工事</t>
    <rPh sb="0" eb="4">
      <t>チガサキシ</t>
    </rPh>
    <rPh sb="4" eb="6">
      <t>ハマタケ</t>
    </rPh>
    <rPh sb="7" eb="9">
      <t>チョウメ</t>
    </rPh>
    <rPh sb="9" eb="10">
      <t>チ</t>
    </rPh>
    <rPh sb="10" eb="11">
      <t>ナイ</t>
    </rPh>
    <rPh sb="11" eb="14">
      <t>ハイスイカン</t>
    </rPh>
    <rPh sb="14" eb="16">
      <t>カイリョウ</t>
    </rPh>
    <rPh sb="16" eb="18">
      <t>コウジ</t>
    </rPh>
    <phoneticPr fontId="1"/>
  </si>
  <si>
    <t>土木</t>
    <rPh sb="0" eb="2">
      <t>ドボク</t>
    </rPh>
    <phoneticPr fontId="1"/>
  </si>
  <si>
    <t>建築</t>
    <rPh sb="0" eb="2">
      <t>ケンチク</t>
    </rPh>
    <phoneticPr fontId="1"/>
  </si>
  <si>
    <t>海老名水道営業所</t>
    <phoneticPr fontId="1"/>
  </si>
  <si>
    <t>相模原市中央区田名6755番地内送水管撤去工事</t>
    <rPh sb="0" eb="4">
      <t>サガミハラシ</t>
    </rPh>
    <rPh sb="4" eb="7">
      <t>チュウオウク</t>
    </rPh>
    <rPh sb="7" eb="9">
      <t>タナ</t>
    </rPh>
    <rPh sb="13" eb="14">
      <t>バン</t>
    </rPh>
    <rPh sb="14" eb="15">
      <t>チ</t>
    </rPh>
    <rPh sb="15" eb="16">
      <t>ナイ</t>
    </rPh>
    <rPh sb="16" eb="19">
      <t>ソウスイカン</t>
    </rPh>
    <rPh sb="19" eb="21">
      <t>テッキョ</t>
    </rPh>
    <rPh sb="21" eb="23">
      <t>コウジ</t>
    </rPh>
    <phoneticPr fontId="1"/>
  </si>
  <si>
    <t>海老名市上郷689番地内配水管布設工事</t>
    <rPh sb="9" eb="10">
      <t>バン</t>
    </rPh>
    <rPh sb="10" eb="12">
      <t>チナイ</t>
    </rPh>
    <phoneticPr fontId="1"/>
  </si>
  <si>
    <t>藤沢市城南２丁目地内配水管改良工事</t>
    <rPh sb="8" eb="9">
      <t>チ</t>
    </rPh>
    <rPh sb="9" eb="10">
      <t>ナイ</t>
    </rPh>
    <phoneticPr fontId="1"/>
  </si>
  <si>
    <t>有限会社ウォーターワークス笹野</t>
    <rPh sb="0" eb="4">
      <t>ユウゲンガイシャ</t>
    </rPh>
    <rPh sb="13" eb="15">
      <t>ササノ</t>
    </rPh>
    <phoneticPr fontId="1"/>
  </si>
  <si>
    <t>株式会社湯川設備工業</t>
    <rPh sb="0" eb="4">
      <t>カブシキガイシャ</t>
    </rPh>
    <rPh sb="4" eb="6">
      <t>ユカワ</t>
    </rPh>
    <rPh sb="6" eb="8">
      <t>セツビ</t>
    </rPh>
    <rPh sb="8" eb="10">
      <t>コウギョウ</t>
    </rPh>
    <phoneticPr fontId="1"/>
  </si>
  <si>
    <t>有限会社吉田設備工業</t>
    <rPh sb="0" eb="4">
      <t>ユウゲンガイシャ</t>
    </rPh>
    <rPh sb="4" eb="6">
      <t>ヨシダ</t>
    </rPh>
    <rPh sb="6" eb="8">
      <t>セツビ</t>
    </rPh>
    <rPh sb="8" eb="10">
      <t>コウギョウ</t>
    </rPh>
    <phoneticPr fontId="1"/>
  </si>
  <si>
    <t>神奈川県企業庁優良工事等局長表彰</t>
    <phoneticPr fontId="1"/>
  </si>
  <si>
    <t>株式会社折本設備</t>
  </si>
  <si>
    <t>株式会社大塚工業</t>
  </si>
  <si>
    <t>有限会社佐藤設備工業所</t>
  </si>
  <si>
    <t>ツチヤ総建株式会社</t>
  </si>
  <si>
    <t>平井工業株式会社</t>
  </si>
  <si>
    <t>株式会社富士設備</t>
    <rPh sb="0" eb="4">
      <t>カブシキガイシャ</t>
    </rPh>
    <phoneticPr fontId="2"/>
  </si>
  <si>
    <t>有限会社安室設備</t>
  </si>
  <si>
    <t>有限会社用田建設</t>
  </si>
  <si>
    <t>有限会社ＨＡＳ</t>
  </si>
  <si>
    <t>茅ケ崎水道営業所</t>
    <rPh sb="0" eb="3">
      <t>チガサキ</t>
    </rPh>
    <phoneticPr fontId="2"/>
  </si>
  <si>
    <t>上今泉支管基幹管路更新工事（第７工区）</t>
  </si>
  <si>
    <t>茅ヶ崎市南湖３丁目地内配水管改良工事</t>
  </si>
  <si>
    <t>相模原市緑区寸沢嵐地内配水管改良工事</t>
  </si>
  <si>
    <t>大和市つきみ野８丁目地内配水管改良工事</t>
  </si>
  <si>
    <t>道志調整池護岸工事</t>
  </si>
  <si>
    <t>相模原市中央区千代田１丁目地内配水管改良工事</t>
  </si>
  <si>
    <t>藤沢市長後地内配水管改良工事</t>
  </si>
  <si>
    <t>大塚系配水本管(湘南台)基幹管路更新工事(第３工区)</t>
  </si>
  <si>
    <t>厚木市妻田北３丁目地内配水管改良工事</t>
  </si>
  <si>
    <t>R07</t>
    <phoneticPr fontId="1"/>
  </si>
  <si>
    <t>令和８年５月作成</t>
    <rPh sb="0" eb="2">
      <t>レイワ</t>
    </rPh>
    <rPh sb="3" eb="4">
      <t>ネン</t>
    </rPh>
    <rPh sb="5" eb="6">
      <t>ガツ</t>
    </rPh>
    <rPh sb="6" eb="8">
      <t>サクセイ</t>
    </rPh>
    <phoneticPr fontId="1"/>
  </si>
  <si>
    <t>土木</t>
    <rPh sb="0" eb="2">
      <t>ドボク</t>
    </rPh>
    <phoneticPr fontId="1"/>
  </si>
  <si>
    <t>水道</t>
    <rPh sb="0" eb="2">
      <t>スイドウ</t>
    </rPh>
    <phoneticPr fontId="1"/>
  </si>
  <si>
    <t>番号</t>
    <rPh sb="0" eb="2">
      <t>バンゴウ</t>
    </rPh>
    <phoneticPr fontId="1"/>
  </si>
  <si>
    <t>神奈川県企業庁優良工事等局長表彰一覧（工事のみ）</t>
    <rPh sb="0" eb="4">
      <t>カナガワケン</t>
    </rPh>
    <rPh sb="4" eb="7">
      <t>キギョウチョウ</t>
    </rPh>
    <rPh sb="7" eb="9">
      <t>ユウリョウ</t>
    </rPh>
    <rPh sb="9" eb="11">
      <t>コウジ</t>
    </rPh>
    <rPh sb="11" eb="12">
      <t>トウ</t>
    </rPh>
    <rPh sb="12" eb="14">
      <t>キョクチョウ</t>
    </rPh>
    <rPh sb="14" eb="16">
      <t>ヒョウショウ</t>
    </rPh>
    <rPh sb="16" eb="18">
      <t>イチラン</t>
    </rPh>
    <rPh sb="19" eb="21">
      <t>コウジ</t>
    </rPh>
    <phoneticPr fontId="1"/>
  </si>
  <si>
    <t>※誤りがある場合は、計画課技術管理グループにご連絡ください。電話番号：045-210-7257（直通）</t>
    <rPh sb="1" eb="2">
      <t>アヤマ</t>
    </rPh>
    <rPh sb="6" eb="8">
      <t>バアイ</t>
    </rPh>
    <rPh sb="10" eb="12">
      <t>ケイカク</t>
    </rPh>
    <rPh sb="12" eb="13">
      <t>カ</t>
    </rPh>
    <rPh sb="13" eb="15">
      <t>ギジュツ</t>
    </rPh>
    <rPh sb="15" eb="17">
      <t>カンリ</t>
    </rPh>
    <rPh sb="23" eb="25">
      <t>レンラク</t>
    </rPh>
    <rPh sb="30" eb="32">
      <t>デンワ</t>
    </rPh>
    <rPh sb="32" eb="34">
      <t>バンゴウ</t>
    </rPh>
    <rPh sb="48" eb="50">
      <t>チョクツ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2"/>
      <color theme="1"/>
      <name val="ＭＳ 明朝"/>
      <family val="2"/>
      <charset val="128"/>
    </font>
    <font>
      <sz val="6"/>
      <name val="ＭＳ 明朝"/>
      <family val="2"/>
      <charset val="128"/>
    </font>
    <font>
      <b/>
      <sz val="14"/>
      <color theme="1"/>
      <name val="ＭＳ 明朝"/>
      <family val="1"/>
      <charset val="128"/>
    </font>
    <font>
      <b/>
      <sz val="9"/>
      <color theme="1"/>
      <name val="ＭＳ 明朝"/>
      <family val="1"/>
      <charset val="128"/>
    </font>
    <font>
      <sz val="9"/>
      <color theme="1"/>
      <name val="ＭＳ 明朝"/>
      <family val="2"/>
      <charset val="128"/>
    </font>
    <font>
      <sz val="11"/>
      <name val="ＭＳ Ｐゴシック"/>
      <family val="3"/>
      <charset val="128"/>
    </font>
    <font>
      <sz val="6"/>
      <name val="ＭＳ Ｐゴシック"/>
      <family val="3"/>
      <charset val="128"/>
    </font>
    <font>
      <sz val="12"/>
      <color theme="1"/>
      <name val="ＭＳ 明朝"/>
      <family val="1"/>
      <charset val="128"/>
    </font>
    <font>
      <sz val="12"/>
      <color rgb="FFFF0000"/>
      <name val="ＭＳ 明朝"/>
      <family val="1"/>
      <charset val="128"/>
    </font>
    <font>
      <b/>
      <sz val="12"/>
      <color theme="1"/>
      <name val="ＭＳ Ｐゴシック"/>
      <family val="3"/>
      <charset val="128"/>
      <scheme val="minor"/>
    </font>
    <font>
      <sz val="12"/>
      <color theme="1"/>
      <name val="ＭＳ Ｐゴシック"/>
      <family val="3"/>
      <charset val="128"/>
      <scheme val="minor"/>
    </font>
    <font>
      <b/>
      <sz val="16"/>
      <color rgb="FFFF0000"/>
      <name val="ＭＳ Ｐゴシック"/>
      <family val="3"/>
      <charset val="128"/>
      <scheme val="minor"/>
    </font>
    <font>
      <b/>
      <sz val="16"/>
      <color theme="1"/>
      <name val="ＭＳ Ｐゴシック"/>
      <family val="3"/>
      <charset val="128"/>
      <scheme val="minor"/>
    </font>
    <font>
      <sz val="12"/>
      <color theme="1"/>
      <name val="ＭＳ Ｐ明朝"/>
      <family val="1"/>
      <charset val="128"/>
    </font>
    <font>
      <sz val="12"/>
      <name val="ＭＳ Ｐ明朝"/>
      <family val="1"/>
      <charset val="128"/>
    </font>
    <font>
      <sz val="12"/>
      <color rgb="FFFF0000"/>
      <name val="ＭＳ Ｐ明朝"/>
      <family val="1"/>
      <charset val="128"/>
    </font>
    <font>
      <b/>
      <sz val="12"/>
      <name val="ＭＳ Ｐゴシック"/>
      <family val="3"/>
      <charset val="128"/>
      <scheme val="minor"/>
    </font>
  </fonts>
  <fills count="5">
    <fill>
      <patternFill patternType="none"/>
    </fill>
    <fill>
      <patternFill patternType="gray125"/>
    </fill>
    <fill>
      <patternFill patternType="solid">
        <fgColor theme="4" tint="0.79998168889431442"/>
        <bgColor indexed="64"/>
      </patternFill>
    </fill>
    <fill>
      <patternFill patternType="solid">
        <fgColor theme="0"/>
        <bgColor indexed="64"/>
      </patternFill>
    </fill>
    <fill>
      <patternFill patternType="solid">
        <fgColor theme="4"/>
        <bgColor indexed="64"/>
      </patternFill>
    </fill>
  </fills>
  <borders count="5">
    <border>
      <left/>
      <right/>
      <top/>
      <bottom/>
      <diagonal/>
    </border>
    <border>
      <left style="medium">
        <color rgb="FFFF0000"/>
      </left>
      <right style="medium">
        <color rgb="FFFF0000"/>
      </right>
      <top style="medium">
        <color rgb="FFFF0000"/>
      </top>
      <bottom style="medium">
        <color rgb="FFFF0000"/>
      </bottom>
      <diagonal/>
    </border>
    <border>
      <left style="medium">
        <color rgb="FFFF0000"/>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s>
  <cellStyleXfs count="2">
    <xf numFmtId="0" fontId="0" fillId="0" borderId="0">
      <alignment vertical="center"/>
    </xf>
    <xf numFmtId="0" fontId="5" fillId="0" borderId="0"/>
  </cellStyleXfs>
  <cellXfs count="37">
    <xf numFmtId="0" fontId="0" fillId="0" borderId="0" xfId="0">
      <alignment vertical="center"/>
    </xf>
    <xf numFmtId="0" fontId="0" fillId="0" borderId="0" xfId="0" applyFont="1">
      <alignment vertical="center"/>
    </xf>
    <xf numFmtId="0" fontId="0" fillId="0" borderId="0" xfId="0" applyFont="1" applyAlignment="1">
      <alignment horizontal="center" vertical="center"/>
    </xf>
    <xf numFmtId="0" fontId="7" fillId="0" borderId="0" xfId="0" applyFont="1" applyAlignment="1">
      <alignment horizontal="center" vertical="center"/>
    </xf>
    <xf numFmtId="0" fontId="8" fillId="0" borderId="0" xfId="0" applyFont="1">
      <alignment vertical="center"/>
    </xf>
    <xf numFmtId="0" fontId="0" fillId="0" borderId="0" xfId="0" applyFont="1" applyFill="1" applyAlignment="1">
      <alignment horizontal="center" vertical="center"/>
    </xf>
    <xf numFmtId="0" fontId="10" fillId="0" borderId="0" xfId="0" applyFont="1" applyAlignment="1">
      <alignment horizontal="left" vertical="center" wrapText="1"/>
    </xf>
    <xf numFmtId="0" fontId="10" fillId="0" borderId="0" xfId="0" applyFont="1">
      <alignment vertical="center"/>
    </xf>
    <xf numFmtId="0" fontId="9" fillId="0" borderId="0" xfId="0" applyFont="1" applyAlignment="1">
      <alignment vertical="center"/>
    </xf>
    <xf numFmtId="0" fontId="10" fillId="0" borderId="0" xfId="0" applyFont="1" applyAlignment="1">
      <alignment horizontal="left" vertical="center"/>
    </xf>
    <xf numFmtId="0" fontId="9" fillId="0" borderId="0" xfId="0" applyFont="1" applyAlignment="1">
      <alignment horizontal="left" vertical="center"/>
    </xf>
    <xf numFmtId="0" fontId="10" fillId="0" borderId="0" xfId="0" applyFont="1" applyAlignment="1">
      <alignment horizontal="center" vertical="center"/>
    </xf>
    <xf numFmtId="0" fontId="10" fillId="0" borderId="4" xfId="0" applyFont="1" applyBorder="1" applyAlignment="1">
      <alignment horizontal="right" vertical="center"/>
    </xf>
    <xf numFmtId="0" fontId="11" fillId="0" borderId="1" xfId="0" applyFont="1" applyBorder="1" applyAlignment="1">
      <alignment horizontal="center" vertical="center"/>
    </xf>
    <xf numFmtId="0" fontId="13" fillId="4" borderId="3" xfId="0" applyFont="1" applyFill="1" applyBorder="1" applyAlignment="1">
      <alignment horizontal="center" vertical="center"/>
    </xf>
    <xf numFmtId="0" fontId="13" fillId="4" borderId="3" xfId="0" applyFont="1" applyFill="1" applyBorder="1" applyAlignment="1">
      <alignment horizontal="center" vertical="center" wrapText="1"/>
    </xf>
    <xf numFmtId="0" fontId="13" fillId="0" borderId="3" xfId="0" applyFont="1" applyFill="1" applyBorder="1" applyAlignment="1">
      <alignment horizontal="center" vertical="center"/>
    </xf>
    <xf numFmtId="0" fontId="13" fillId="0" borderId="3" xfId="0" applyFont="1" applyFill="1" applyBorder="1" applyAlignment="1">
      <alignment vertical="center" wrapText="1"/>
    </xf>
    <xf numFmtId="0" fontId="13" fillId="0" borderId="3" xfId="0" applyFont="1" applyBorder="1" applyAlignment="1">
      <alignment horizontal="center" vertical="center" wrapText="1"/>
    </xf>
    <xf numFmtId="0" fontId="13" fillId="2" borderId="3" xfId="0" applyFont="1" applyFill="1" applyBorder="1" applyAlignment="1">
      <alignment horizontal="center" vertical="center"/>
    </xf>
    <xf numFmtId="0" fontId="13" fillId="2" borderId="3" xfId="0" applyFont="1" applyFill="1" applyBorder="1" applyAlignment="1">
      <alignment horizontal="left" vertical="center" wrapText="1"/>
    </xf>
    <xf numFmtId="0" fontId="14" fillId="2" borderId="3" xfId="0" applyFont="1" applyFill="1" applyBorder="1" applyAlignment="1">
      <alignment vertical="center" wrapText="1" shrinkToFit="1"/>
    </xf>
    <xf numFmtId="0" fontId="14" fillId="2" borderId="3" xfId="0" applyFont="1" applyFill="1" applyBorder="1" applyAlignment="1">
      <alignment vertical="center" shrinkToFit="1"/>
    </xf>
    <xf numFmtId="0" fontId="13" fillId="2" borderId="3" xfId="0" applyFont="1" applyFill="1" applyBorder="1" applyAlignment="1">
      <alignment vertical="center" wrapText="1"/>
    </xf>
    <xf numFmtId="0" fontId="13" fillId="0" borderId="3" xfId="0" applyFont="1" applyBorder="1" applyAlignment="1">
      <alignment horizontal="center" vertical="center"/>
    </xf>
    <xf numFmtId="0" fontId="13" fillId="0" borderId="3" xfId="0" applyFont="1" applyFill="1" applyBorder="1" applyAlignment="1">
      <alignment horizontal="left" vertical="center" wrapText="1"/>
    </xf>
    <xf numFmtId="0" fontId="13" fillId="0" borderId="3" xfId="0" applyFont="1" applyBorder="1" applyAlignment="1">
      <alignment horizontal="left" vertical="center" wrapText="1"/>
    </xf>
    <xf numFmtId="0" fontId="13" fillId="3" borderId="3" xfId="0" applyFont="1" applyFill="1" applyBorder="1" applyAlignment="1">
      <alignment horizontal="center" vertical="center"/>
    </xf>
    <xf numFmtId="0" fontId="13" fillId="0" borderId="3" xfId="0" applyFont="1" applyBorder="1">
      <alignment vertical="center"/>
    </xf>
    <xf numFmtId="0" fontId="14" fillId="0" borderId="3" xfId="0" applyFont="1" applyBorder="1" applyAlignment="1">
      <alignment horizontal="center" vertical="center"/>
    </xf>
    <xf numFmtId="0" fontId="13" fillId="2" borderId="3" xfId="0" applyFont="1" applyFill="1" applyBorder="1">
      <alignment vertical="center"/>
    </xf>
    <xf numFmtId="0" fontId="14" fillId="2" borderId="3" xfId="0" applyFont="1" applyFill="1" applyBorder="1" applyAlignment="1">
      <alignment horizontal="center" vertical="center"/>
    </xf>
    <xf numFmtId="0" fontId="14" fillId="2" borderId="3" xfId="0" applyFont="1" applyFill="1" applyBorder="1" applyAlignment="1">
      <alignment horizontal="left" vertical="center" wrapText="1"/>
    </xf>
    <xf numFmtId="0" fontId="15" fillId="2" borderId="3" xfId="0" applyFont="1" applyFill="1" applyBorder="1">
      <alignment vertical="center"/>
    </xf>
    <xf numFmtId="0" fontId="12" fillId="0" borderId="2" xfId="0" applyFont="1" applyBorder="1" applyAlignment="1">
      <alignment horizontal="left" vertical="center"/>
    </xf>
    <xf numFmtId="0" fontId="12" fillId="0" borderId="0" xfId="0" applyFont="1" applyBorder="1" applyAlignment="1">
      <alignment horizontal="left" vertical="center"/>
    </xf>
    <xf numFmtId="0" fontId="16" fillId="0" borderId="0" xfId="0" applyFont="1" applyAlignment="1">
      <alignment horizontal="left" vertical="center"/>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I108"/>
  <sheetViews>
    <sheetView tabSelected="1" view="pageBreakPreview" zoomScaleNormal="100" zoomScaleSheetLayoutView="100" workbookViewId="0">
      <selection activeCell="D8" sqref="D8"/>
    </sheetView>
  </sheetViews>
  <sheetFormatPr defaultColWidth="8.69921875" defaultRowHeight="14.4" x14ac:dyDescent="0.2"/>
  <cols>
    <col min="1" max="1" width="16.09765625" style="1" bestFit="1" customWidth="1"/>
    <col min="2" max="3" width="10.796875" style="1" customWidth="1"/>
    <col min="4" max="4" width="30.296875" style="1" customWidth="1"/>
    <col min="5" max="5" width="9.296875" style="1" bestFit="1" customWidth="1"/>
    <col min="6" max="6" width="71.5" style="1" bestFit="1" customWidth="1"/>
    <col min="7" max="7" width="26.5" style="1" bestFit="1" customWidth="1"/>
    <col min="8" max="8" width="36.09765625" style="1" bestFit="1" customWidth="1"/>
    <col min="9" max="9" width="18" style="1" bestFit="1" customWidth="1"/>
    <col min="10" max="16384" width="8.69921875" style="1"/>
  </cols>
  <sheetData>
    <row r="1" spans="1:9" ht="25.95" customHeight="1" thickBot="1" x14ac:dyDescent="0.25">
      <c r="A1" s="13" t="s">
        <v>0</v>
      </c>
      <c r="B1" s="34" t="s">
        <v>297</v>
      </c>
      <c r="C1" s="35"/>
      <c r="D1" s="35"/>
      <c r="E1" s="35"/>
      <c r="F1" s="35"/>
      <c r="G1" s="6"/>
      <c r="H1" s="7"/>
      <c r="I1" s="7"/>
    </row>
    <row r="2" spans="1:9" ht="18.75" customHeight="1" x14ac:dyDescent="0.2">
      <c r="A2" s="7"/>
      <c r="B2" s="8" t="s">
        <v>1</v>
      </c>
      <c r="C2" s="8"/>
      <c r="D2" s="8"/>
      <c r="E2" s="8"/>
      <c r="F2" s="6"/>
      <c r="G2" s="6"/>
      <c r="H2" s="7"/>
      <c r="I2" s="7"/>
    </row>
    <row r="3" spans="1:9" ht="18.75" customHeight="1" x14ac:dyDescent="0.2">
      <c r="A3" s="9"/>
      <c r="B3" s="10" t="s">
        <v>2</v>
      </c>
      <c r="C3" s="10"/>
      <c r="D3" s="6"/>
      <c r="E3" s="11"/>
      <c r="F3" s="6"/>
      <c r="G3" s="6"/>
      <c r="H3" s="7"/>
      <c r="I3" s="7"/>
    </row>
    <row r="4" spans="1:9" ht="18.75" customHeight="1" x14ac:dyDescent="0.2">
      <c r="A4" s="9"/>
      <c r="B4" s="36" t="s">
        <v>298</v>
      </c>
      <c r="C4" s="10"/>
      <c r="D4" s="6"/>
      <c r="E4" s="11"/>
      <c r="F4" s="6"/>
      <c r="G4" s="6"/>
      <c r="H4" s="7"/>
      <c r="I4" s="12" t="s">
        <v>293</v>
      </c>
    </row>
    <row r="5" spans="1:9" s="2" customFormat="1" ht="15" customHeight="1" x14ac:dyDescent="0.2">
      <c r="A5" s="14" t="s">
        <v>3</v>
      </c>
      <c r="B5" s="14" t="s">
        <v>4</v>
      </c>
      <c r="C5" s="14" t="s">
        <v>296</v>
      </c>
      <c r="D5" s="15" t="s">
        <v>5</v>
      </c>
      <c r="E5" s="14" t="s">
        <v>6</v>
      </c>
      <c r="F5" s="15" t="s">
        <v>7</v>
      </c>
      <c r="G5" s="15" t="s">
        <v>8</v>
      </c>
      <c r="H5" s="14" t="s">
        <v>9</v>
      </c>
      <c r="I5" s="14" t="s">
        <v>10</v>
      </c>
    </row>
    <row r="6" spans="1:9" s="5" customFormat="1" ht="30" customHeight="1" x14ac:dyDescent="0.2">
      <c r="A6" s="16" t="s">
        <v>11</v>
      </c>
      <c r="B6" s="16" t="s">
        <v>292</v>
      </c>
      <c r="C6" s="16">
        <v>1</v>
      </c>
      <c r="D6" s="17" t="s">
        <v>273</v>
      </c>
      <c r="E6" s="16" t="s">
        <v>295</v>
      </c>
      <c r="F6" s="17" t="s">
        <v>283</v>
      </c>
      <c r="G6" s="17" t="s">
        <v>161</v>
      </c>
      <c r="H6" s="18" t="s">
        <v>12</v>
      </c>
      <c r="I6" s="16"/>
    </row>
    <row r="7" spans="1:9" s="5" customFormat="1" ht="30" customHeight="1" x14ac:dyDescent="0.2">
      <c r="A7" s="16" t="s">
        <v>11</v>
      </c>
      <c r="B7" s="16" t="s">
        <v>292</v>
      </c>
      <c r="C7" s="16">
        <v>2</v>
      </c>
      <c r="D7" s="17" t="s">
        <v>274</v>
      </c>
      <c r="E7" s="16" t="s">
        <v>295</v>
      </c>
      <c r="F7" s="17" t="s">
        <v>284</v>
      </c>
      <c r="G7" s="17" t="s">
        <v>282</v>
      </c>
      <c r="H7" s="18" t="s">
        <v>12</v>
      </c>
      <c r="I7" s="16"/>
    </row>
    <row r="8" spans="1:9" s="5" customFormat="1" ht="30" customHeight="1" x14ac:dyDescent="0.2">
      <c r="A8" s="16" t="s">
        <v>11</v>
      </c>
      <c r="B8" s="16" t="s">
        <v>292</v>
      </c>
      <c r="C8" s="16">
        <v>3</v>
      </c>
      <c r="D8" s="17" t="s">
        <v>275</v>
      </c>
      <c r="E8" s="16" t="s">
        <v>295</v>
      </c>
      <c r="F8" s="17" t="s">
        <v>285</v>
      </c>
      <c r="G8" s="17" t="s">
        <v>24</v>
      </c>
      <c r="H8" s="18" t="s">
        <v>12</v>
      </c>
      <c r="I8" s="16"/>
    </row>
    <row r="9" spans="1:9" s="5" customFormat="1" ht="30" customHeight="1" x14ac:dyDescent="0.2">
      <c r="A9" s="16" t="s">
        <v>11</v>
      </c>
      <c r="B9" s="16" t="s">
        <v>292</v>
      </c>
      <c r="C9" s="16">
        <v>4</v>
      </c>
      <c r="D9" s="17" t="s">
        <v>276</v>
      </c>
      <c r="E9" s="16" t="s">
        <v>295</v>
      </c>
      <c r="F9" s="17" t="s">
        <v>286</v>
      </c>
      <c r="G9" s="17" t="s">
        <v>192</v>
      </c>
      <c r="H9" s="18" t="s">
        <v>12</v>
      </c>
      <c r="I9" s="16"/>
    </row>
    <row r="10" spans="1:9" s="5" customFormat="1" ht="30" customHeight="1" x14ac:dyDescent="0.2">
      <c r="A10" s="16" t="s">
        <v>11</v>
      </c>
      <c r="B10" s="16" t="s">
        <v>292</v>
      </c>
      <c r="C10" s="16">
        <v>5</v>
      </c>
      <c r="D10" s="17" t="s">
        <v>277</v>
      </c>
      <c r="E10" s="16" t="s">
        <v>294</v>
      </c>
      <c r="F10" s="17" t="s">
        <v>287</v>
      </c>
      <c r="G10" s="17" t="s">
        <v>91</v>
      </c>
      <c r="H10" s="18" t="s">
        <v>12</v>
      </c>
      <c r="I10" s="16"/>
    </row>
    <row r="11" spans="1:9" s="5" customFormat="1" ht="30" customHeight="1" x14ac:dyDescent="0.2">
      <c r="A11" s="16" t="s">
        <v>11</v>
      </c>
      <c r="B11" s="16" t="s">
        <v>292</v>
      </c>
      <c r="C11" s="16">
        <v>6</v>
      </c>
      <c r="D11" s="17" t="s">
        <v>278</v>
      </c>
      <c r="E11" s="16" t="s">
        <v>295</v>
      </c>
      <c r="F11" s="17" t="s">
        <v>288</v>
      </c>
      <c r="G11" s="17" t="s">
        <v>20</v>
      </c>
      <c r="H11" s="18" t="s">
        <v>12</v>
      </c>
      <c r="I11" s="16"/>
    </row>
    <row r="12" spans="1:9" s="5" customFormat="1" ht="30" customHeight="1" x14ac:dyDescent="0.2">
      <c r="A12" s="16" t="s">
        <v>11</v>
      </c>
      <c r="B12" s="16" t="s">
        <v>292</v>
      </c>
      <c r="C12" s="16">
        <v>7</v>
      </c>
      <c r="D12" s="17" t="s">
        <v>279</v>
      </c>
      <c r="E12" s="16" t="s">
        <v>295</v>
      </c>
      <c r="F12" s="17" t="s">
        <v>289</v>
      </c>
      <c r="G12" s="17" t="s">
        <v>189</v>
      </c>
      <c r="H12" s="18" t="s">
        <v>12</v>
      </c>
      <c r="I12" s="16"/>
    </row>
    <row r="13" spans="1:9" s="5" customFormat="1" ht="30" customHeight="1" x14ac:dyDescent="0.2">
      <c r="A13" s="16" t="s">
        <v>11</v>
      </c>
      <c r="B13" s="16" t="s">
        <v>292</v>
      </c>
      <c r="C13" s="16">
        <v>8</v>
      </c>
      <c r="D13" s="17" t="s">
        <v>280</v>
      </c>
      <c r="E13" s="16" t="s">
        <v>295</v>
      </c>
      <c r="F13" s="17" t="s">
        <v>290</v>
      </c>
      <c r="G13" s="17" t="s">
        <v>22</v>
      </c>
      <c r="H13" s="18" t="s">
        <v>12</v>
      </c>
      <c r="I13" s="16"/>
    </row>
    <row r="14" spans="1:9" s="5" customFormat="1" ht="30" customHeight="1" x14ac:dyDescent="0.2">
      <c r="A14" s="16" t="s">
        <v>11</v>
      </c>
      <c r="B14" s="16" t="s">
        <v>292</v>
      </c>
      <c r="C14" s="16">
        <v>9</v>
      </c>
      <c r="D14" s="17" t="s">
        <v>281</v>
      </c>
      <c r="E14" s="16" t="s">
        <v>295</v>
      </c>
      <c r="F14" s="17" t="s">
        <v>291</v>
      </c>
      <c r="G14" s="17" t="s">
        <v>19</v>
      </c>
      <c r="H14" s="18" t="s">
        <v>12</v>
      </c>
      <c r="I14" s="16"/>
    </row>
    <row r="15" spans="1:9" s="2" customFormat="1" ht="30" customHeight="1" x14ac:dyDescent="0.2">
      <c r="A15" s="19" t="s">
        <v>11</v>
      </c>
      <c r="B15" s="19" t="s">
        <v>250</v>
      </c>
      <c r="C15" s="19">
        <v>1</v>
      </c>
      <c r="D15" s="20" t="s">
        <v>243</v>
      </c>
      <c r="E15" s="19" t="s">
        <v>64</v>
      </c>
      <c r="F15" s="21" t="s">
        <v>244</v>
      </c>
      <c r="G15" s="22" t="s">
        <v>246</v>
      </c>
      <c r="H15" s="19" t="s">
        <v>272</v>
      </c>
      <c r="I15" s="19"/>
    </row>
    <row r="16" spans="1:9" s="2" customFormat="1" ht="30" customHeight="1" x14ac:dyDescent="0.2">
      <c r="A16" s="19" t="s">
        <v>11</v>
      </c>
      <c r="B16" s="19" t="s">
        <v>250</v>
      </c>
      <c r="C16" s="19">
        <v>2</v>
      </c>
      <c r="D16" s="20" t="s">
        <v>248</v>
      </c>
      <c r="E16" s="19" t="s">
        <v>80</v>
      </c>
      <c r="F16" s="21" t="s">
        <v>245</v>
      </c>
      <c r="G16" s="22" t="s">
        <v>247</v>
      </c>
      <c r="H16" s="19" t="s">
        <v>272</v>
      </c>
      <c r="I16" s="19"/>
    </row>
    <row r="17" spans="1:9" s="2" customFormat="1" ht="30" customHeight="1" x14ac:dyDescent="0.2">
      <c r="A17" s="19" t="s">
        <v>11</v>
      </c>
      <c r="B17" s="19" t="s">
        <v>249</v>
      </c>
      <c r="C17" s="19">
        <v>3</v>
      </c>
      <c r="D17" s="20" t="s">
        <v>251</v>
      </c>
      <c r="E17" s="19" t="s">
        <v>64</v>
      </c>
      <c r="F17" s="21" t="s">
        <v>257</v>
      </c>
      <c r="G17" s="22" t="s">
        <v>194</v>
      </c>
      <c r="H17" s="19" t="s">
        <v>272</v>
      </c>
      <c r="I17" s="19"/>
    </row>
    <row r="18" spans="1:9" s="2" customFormat="1" ht="30" customHeight="1" x14ac:dyDescent="0.2">
      <c r="A18" s="19" t="s">
        <v>11</v>
      </c>
      <c r="B18" s="19" t="s">
        <v>249</v>
      </c>
      <c r="C18" s="19">
        <v>4</v>
      </c>
      <c r="D18" s="20" t="s">
        <v>252</v>
      </c>
      <c r="E18" s="19" t="s">
        <v>64</v>
      </c>
      <c r="F18" s="21" t="s">
        <v>258</v>
      </c>
      <c r="G18" s="22" t="s">
        <v>189</v>
      </c>
      <c r="H18" s="19" t="s">
        <v>272</v>
      </c>
      <c r="I18" s="19"/>
    </row>
    <row r="19" spans="1:9" s="2" customFormat="1" ht="30" customHeight="1" x14ac:dyDescent="0.2">
      <c r="A19" s="19" t="s">
        <v>11</v>
      </c>
      <c r="B19" s="19" t="s">
        <v>249</v>
      </c>
      <c r="C19" s="19">
        <v>5</v>
      </c>
      <c r="D19" s="20" t="s">
        <v>253</v>
      </c>
      <c r="E19" s="19" t="s">
        <v>64</v>
      </c>
      <c r="F19" s="21" t="s">
        <v>259</v>
      </c>
      <c r="G19" s="22" t="s">
        <v>189</v>
      </c>
      <c r="H19" s="19" t="s">
        <v>272</v>
      </c>
      <c r="I19" s="19"/>
    </row>
    <row r="20" spans="1:9" s="2" customFormat="1" ht="30" customHeight="1" x14ac:dyDescent="0.2">
      <c r="A20" s="19" t="s">
        <v>11</v>
      </c>
      <c r="B20" s="19" t="s">
        <v>249</v>
      </c>
      <c r="C20" s="19">
        <v>6</v>
      </c>
      <c r="D20" s="20" t="s">
        <v>254</v>
      </c>
      <c r="E20" s="19" t="s">
        <v>263</v>
      </c>
      <c r="F20" s="21" t="s">
        <v>260</v>
      </c>
      <c r="G20" s="22" t="s">
        <v>91</v>
      </c>
      <c r="H20" s="19" t="s">
        <v>272</v>
      </c>
      <c r="I20" s="19"/>
    </row>
    <row r="21" spans="1:9" s="2" customFormat="1" ht="30" customHeight="1" x14ac:dyDescent="0.2">
      <c r="A21" s="19" t="s">
        <v>11</v>
      </c>
      <c r="B21" s="19" t="s">
        <v>249</v>
      </c>
      <c r="C21" s="19">
        <v>7</v>
      </c>
      <c r="D21" s="20" t="s">
        <v>255</v>
      </c>
      <c r="E21" s="19" t="s">
        <v>264</v>
      </c>
      <c r="F21" s="21" t="s">
        <v>261</v>
      </c>
      <c r="G21" s="22" t="s">
        <v>16</v>
      </c>
      <c r="H21" s="19" t="s">
        <v>272</v>
      </c>
      <c r="I21" s="19"/>
    </row>
    <row r="22" spans="1:9" s="2" customFormat="1" ht="30" customHeight="1" x14ac:dyDescent="0.2">
      <c r="A22" s="19" t="s">
        <v>11</v>
      </c>
      <c r="B22" s="19" t="s">
        <v>249</v>
      </c>
      <c r="C22" s="19">
        <v>8</v>
      </c>
      <c r="D22" s="20" t="s">
        <v>256</v>
      </c>
      <c r="E22" s="19" t="s">
        <v>64</v>
      </c>
      <c r="F22" s="21" t="s">
        <v>262</v>
      </c>
      <c r="G22" s="22" t="s">
        <v>194</v>
      </c>
      <c r="H22" s="19" t="s">
        <v>272</v>
      </c>
      <c r="I22" s="19"/>
    </row>
    <row r="23" spans="1:9" s="2" customFormat="1" ht="30" customHeight="1" x14ac:dyDescent="0.2">
      <c r="A23" s="19" t="s">
        <v>11</v>
      </c>
      <c r="B23" s="19" t="s">
        <v>249</v>
      </c>
      <c r="C23" s="19">
        <v>9</v>
      </c>
      <c r="D23" s="20" t="s">
        <v>269</v>
      </c>
      <c r="E23" s="19" t="s">
        <v>64</v>
      </c>
      <c r="F23" s="21" t="s">
        <v>266</v>
      </c>
      <c r="G23" s="22" t="s">
        <v>20</v>
      </c>
      <c r="H23" s="19" t="s">
        <v>272</v>
      </c>
      <c r="I23" s="19"/>
    </row>
    <row r="24" spans="1:9" s="2" customFormat="1" ht="30" customHeight="1" x14ac:dyDescent="0.2">
      <c r="A24" s="19" t="s">
        <v>11</v>
      </c>
      <c r="B24" s="19" t="s">
        <v>249</v>
      </c>
      <c r="C24" s="19">
        <v>10</v>
      </c>
      <c r="D24" s="20" t="s">
        <v>270</v>
      </c>
      <c r="E24" s="19" t="s">
        <v>64</v>
      </c>
      <c r="F24" s="23" t="s">
        <v>267</v>
      </c>
      <c r="G24" s="23" t="s">
        <v>265</v>
      </c>
      <c r="H24" s="19" t="s">
        <v>272</v>
      </c>
      <c r="I24" s="19"/>
    </row>
    <row r="25" spans="1:9" s="2" customFormat="1" ht="30" customHeight="1" x14ac:dyDescent="0.2">
      <c r="A25" s="19" t="s">
        <v>11</v>
      </c>
      <c r="B25" s="19" t="s">
        <v>249</v>
      </c>
      <c r="C25" s="19">
        <v>11</v>
      </c>
      <c r="D25" s="20" t="s">
        <v>271</v>
      </c>
      <c r="E25" s="19" t="s">
        <v>64</v>
      </c>
      <c r="F25" s="23" t="s">
        <v>268</v>
      </c>
      <c r="G25" s="23" t="s">
        <v>14</v>
      </c>
      <c r="H25" s="19" t="s">
        <v>272</v>
      </c>
      <c r="I25" s="19"/>
    </row>
    <row r="26" spans="1:9" s="2" customFormat="1" ht="30" customHeight="1" x14ac:dyDescent="0.2">
      <c r="A26" s="24" t="s">
        <v>11</v>
      </c>
      <c r="B26" s="16" t="s">
        <v>216</v>
      </c>
      <c r="C26" s="16">
        <v>1</v>
      </c>
      <c r="D26" s="25" t="s">
        <v>217</v>
      </c>
      <c r="E26" s="16" t="s">
        <v>227</v>
      </c>
      <c r="F26" s="25" t="s">
        <v>242</v>
      </c>
      <c r="G26" s="25" t="s">
        <v>236</v>
      </c>
      <c r="H26" s="26" t="s">
        <v>12</v>
      </c>
      <c r="I26" s="16"/>
    </row>
    <row r="27" spans="1:9" s="2" customFormat="1" ht="30" customHeight="1" x14ac:dyDescent="0.2">
      <c r="A27" s="24" t="s">
        <v>11</v>
      </c>
      <c r="B27" s="16" t="s">
        <v>216</v>
      </c>
      <c r="C27" s="16">
        <v>2</v>
      </c>
      <c r="D27" s="25" t="s">
        <v>218</v>
      </c>
      <c r="E27" s="16" t="s">
        <v>227</v>
      </c>
      <c r="F27" s="25" t="s">
        <v>242</v>
      </c>
      <c r="G27" s="25" t="s">
        <v>236</v>
      </c>
      <c r="H27" s="26" t="s">
        <v>12</v>
      </c>
      <c r="I27" s="16"/>
    </row>
    <row r="28" spans="1:9" s="2" customFormat="1" ht="30" customHeight="1" x14ac:dyDescent="0.2">
      <c r="A28" s="24" t="s">
        <v>11</v>
      </c>
      <c r="B28" s="16" t="s">
        <v>216</v>
      </c>
      <c r="C28" s="16">
        <v>3</v>
      </c>
      <c r="D28" s="25" t="s">
        <v>219</v>
      </c>
      <c r="E28" s="16" t="s">
        <v>227</v>
      </c>
      <c r="F28" s="25" t="s">
        <v>228</v>
      </c>
      <c r="G28" s="25" t="s">
        <v>237</v>
      </c>
      <c r="H28" s="26" t="s">
        <v>12</v>
      </c>
      <c r="I28" s="16"/>
    </row>
    <row r="29" spans="1:9" s="2" customFormat="1" ht="30" customHeight="1" x14ac:dyDescent="0.2">
      <c r="A29" s="24" t="s">
        <v>11</v>
      </c>
      <c r="B29" s="16" t="s">
        <v>216</v>
      </c>
      <c r="C29" s="16">
        <v>4</v>
      </c>
      <c r="D29" s="25" t="s">
        <v>220</v>
      </c>
      <c r="E29" s="16" t="s">
        <v>227</v>
      </c>
      <c r="F29" s="25" t="s">
        <v>229</v>
      </c>
      <c r="G29" s="25" t="s">
        <v>238</v>
      </c>
      <c r="H29" s="26" t="s">
        <v>12</v>
      </c>
      <c r="I29" s="16"/>
    </row>
    <row r="30" spans="1:9" s="2" customFormat="1" ht="30" customHeight="1" x14ac:dyDescent="0.2">
      <c r="A30" s="24" t="s">
        <v>11</v>
      </c>
      <c r="B30" s="16" t="s">
        <v>216</v>
      </c>
      <c r="C30" s="16">
        <v>5</v>
      </c>
      <c r="D30" s="25" t="s">
        <v>221</v>
      </c>
      <c r="E30" s="16" t="s">
        <v>227</v>
      </c>
      <c r="F30" s="25" t="s">
        <v>230</v>
      </c>
      <c r="G30" s="25" t="s">
        <v>239</v>
      </c>
      <c r="H30" s="26" t="s">
        <v>12</v>
      </c>
      <c r="I30" s="16"/>
    </row>
    <row r="31" spans="1:9" s="2" customFormat="1" ht="30" customHeight="1" x14ac:dyDescent="0.2">
      <c r="A31" s="24" t="s">
        <v>11</v>
      </c>
      <c r="B31" s="16" t="s">
        <v>216</v>
      </c>
      <c r="C31" s="16">
        <v>6</v>
      </c>
      <c r="D31" s="25" t="s">
        <v>222</v>
      </c>
      <c r="E31" s="16" t="s">
        <v>227</v>
      </c>
      <c r="F31" s="25" t="s">
        <v>231</v>
      </c>
      <c r="G31" s="25" t="s">
        <v>237</v>
      </c>
      <c r="H31" s="26" t="s">
        <v>12</v>
      </c>
      <c r="I31" s="16"/>
    </row>
    <row r="32" spans="1:9" s="2" customFormat="1" ht="30" customHeight="1" x14ac:dyDescent="0.2">
      <c r="A32" s="24" t="s">
        <v>11</v>
      </c>
      <c r="B32" s="16" t="s">
        <v>216</v>
      </c>
      <c r="C32" s="16">
        <v>7</v>
      </c>
      <c r="D32" s="25" t="s">
        <v>223</v>
      </c>
      <c r="E32" s="16" t="s">
        <v>80</v>
      </c>
      <c r="F32" s="25" t="s">
        <v>232</v>
      </c>
      <c r="G32" s="25" t="s">
        <v>240</v>
      </c>
      <c r="H32" s="26" t="s">
        <v>12</v>
      </c>
      <c r="I32" s="16"/>
    </row>
    <row r="33" spans="1:9" s="2" customFormat="1" ht="30" customHeight="1" x14ac:dyDescent="0.2">
      <c r="A33" s="24" t="s">
        <v>11</v>
      </c>
      <c r="B33" s="16" t="s">
        <v>216</v>
      </c>
      <c r="C33" s="16">
        <v>8</v>
      </c>
      <c r="D33" s="25" t="s">
        <v>224</v>
      </c>
      <c r="E33" s="16" t="s">
        <v>227</v>
      </c>
      <c r="F33" s="25" t="s">
        <v>233</v>
      </c>
      <c r="G33" s="25" t="s">
        <v>238</v>
      </c>
      <c r="H33" s="26" t="s">
        <v>12</v>
      </c>
      <c r="I33" s="16"/>
    </row>
    <row r="34" spans="1:9" s="2" customFormat="1" ht="30" customHeight="1" x14ac:dyDescent="0.2">
      <c r="A34" s="24" t="s">
        <v>11</v>
      </c>
      <c r="B34" s="16" t="s">
        <v>216</v>
      </c>
      <c r="C34" s="16">
        <v>9</v>
      </c>
      <c r="D34" s="25" t="s">
        <v>225</v>
      </c>
      <c r="E34" s="16" t="s">
        <v>227</v>
      </c>
      <c r="F34" s="25" t="s">
        <v>234</v>
      </c>
      <c r="G34" s="25" t="s">
        <v>241</v>
      </c>
      <c r="H34" s="26" t="s">
        <v>12</v>
      </c>
      <c r="I34" s="16"/>
    </row>
    <row r="35" spans="1:9" s="2" customFormat="1" ht="30" customHeight="1" x14ac:dyDescent="0.2">
      <c r="A35" s="24" t="s">
        <v>11</v>
      </c>
      <c r="B35" s="16" t="s">
        <v>216</v>
      </c>
      <c r="C35" s="16">
        <v>10</v>
      </c>
      <c r="D35" s="25" t="s">
        <v>226</v>
      </c>
      <c r="E35" s="16" t="s">
        <v>80</v>
      </c>
      <c r="F35" s="25" t="s">
        <v>235</v>
      </c>
      <c r="G35" s="25" t="s">
        <v>30</v>
      </c>
      <c r="H35" s="26" t="s">
        <v>12</v>
      </c>
      <c r="I35" s="16"/>
    </row>
    <row r="36" spans="1:9" s="2" customFormat="1" ht="30" customHeight="1" x14ac:dyDescent="0.2">
      <c r="A36" s="19" t="s">
        <v>28</v>
      </c>
      <c r="B36" s="19" t="s">
        <v>214</v>
      </c>
      <c r="C36" s="19">
        <v>1</v>
      </c>
      <c r="D36" s="20" t="s">
        <v>195</v>
      </c>
      <c r="E36" s="19" t="s">
        <v>65</v>
      </c>
      <c r="F36" s="20" t="s">
        <v>204</v>
      </c>
      <c r="G36" s="20" t="s">
        <v>23</v>
      </c>
      <c r="H36" s="20" t="s">
        <v>12</v>
      </c>
      <c r="I36" s="19"/>
    </row>
    <row r="37" spans="1:9" s="2" customFormat="1" ht="30" customHeight="1" x14ac:dyDescent="0.2">
      <c r="A37" s="19" t="s">
        <v>28</v>
      </c>
      <c r="B37" s="19" t="s">
        <v>214</v>
      </c>
      <c r="C37" s="19">
        <v>2</v>
      </c>
      <c r="D37" s="20" t="s">
        <v>196</v>
      </c>
      <c r="E37" s="19" t="s">
        <v>80</v>
      </c>
      <c r="F37" s="20" t="s">
        <v>205</v>
      </c>
      <c r="G37" s="20" t="s">
        <v>18</v>
      </c>
      <c r="H37" s="20" t="s">
        <v>12</v>
      </c>
      <c r="I37" s="19"/>
    </row>
    <row r="38" spans="1:9" s="2" customFormat="1" ht="30" customHeight="1" x14ac:dyDescent="0.2">
      <c r="A38" s="19" t="s">
        <v>28</v>
      </c>
      <c r="B38" s="19" t="s">
        <v>214</v>
      </c>
      <c r="C38" s="19">
        <v>3</v>
      </c>
      <c r="D38" s="20" t="s">
        <v>197</v>
      </c>
      <c r="E38" s="19" t="s">
        <v>70</v>
      </c>
      <c r="F38" s="20" t="s">
        <v>206</v>
      </c>
      <c r="G38" s="20" t="s">
        <v>20</v>
      </c>
      <c r="H38" s="20" t="s">
        <v>12</v>
      </c>
      <c r="I38" s="19"/>
    </row>
    <row r="39" spans="1:9" s="2" customFormat="1" ht="30" customHeight="1" x14ac:dyDescent="0.2">
      <c r="A39" s="19" t="s">
        <v>28</v>
      </c>
      <c r="B39" s="19" t="s">
        <v>214</v>
      </c>
      <c r="C39" s="19">
        <v>4</v>
      </c>
      <c r="D39" s="20" t="s">
        <v>198</v>
      </c>
      <c r="E39" s="19" t="s">
        <v>70</v>
      </c>
      <c r="F39" s="20" t="s">
        <v>207</v>
      </c>
      <c r="G39" s="20" t="s">
        <v>19</v>
      </c>
      <c r="H39" s="20" t="s">
        <v>12</v>
      </c>
      <c r="I39" s="19"/>
    </row>
    <row r="40" spans="1:9" s="2" customFormat="1" ht="30" customHeight="1" x14ac:dyDescent="0.2">
      <c r="A40" s="19" t="s">
        <v>28</v>
      </c>
      <c r="B40" s="19" t="s">
        <v>214</v>
      </c>
      <c r="C40" s="19">
        <v>5</v>
      </c>
      <c r="D40" s="20" t="s">
        <v>199</v>
      </c>
      <c r="E40" s="19" t="s">
        <v>70</v>
      </c>
      <c r="F40" s="20" t="s">
        <v>208</v>
      </c>
      <c r="G40" s="20" t="s">
        <v>193</v>
      </c>
      <c r="H40" s="20" t="s">
        <v>12</v>
      </c>
      <c r="I40" s="19"/>
    </row>
    <row r="41" spans="1:9" s="2" customFormat="1" ht="30" customHeight="1" x14ac:dyDescent="0.2">
      <c r="A41" s="19" t="s">
        <v>28</v>
      </c>
      <c r="B41" s="19" t="s">
        <v>214</v>
      </c>
      <c r="C41" s="19">
        <v>6</v>
      </c>
      <c r="D41" s="20" t="s">
        <v>200</v>
      </c>
      <c r="E41" s="19" t="s">
        <v>70</v>
      </c>
      <c r="F41" s="20" t="s">
        <v>209</v>
      </c>
      <c r="G41" s="20" t="s">
        <v>193</v>
      </c>
      <c r="H41" s="20" t="s">
        <v>12</v>
      </c>
      <c r="I41" s="19"/>
    </row>
    <row r="42" spans="1:9" s="2" customFormat="1" ht="30" customHeight="1" x14ac:dyDescent="0.2">
      <c r="A42" s="19" t="s">
        <v>28</v>
      </c>
      <c r="B42" s="19" t="s">
        <v>214</v>
      </c>
      <c r="C42" s="19">
        <v>7</v>
      </c>
      <c r="D42" s="20" t="s">
        <v>171</v>
      </c>
      <c r="E42" s="19" t="s">
        <v>70</v>
      </c>
      <c r="F42" s="20" t="s">
        <v>210</v>
      </c>
      <c r="G42" s="20" t="s">
        <v>189</v>
      </c>
      <c r="H42" s="20" t="s">
        <v>12</v>
      </c>
      <c r="I42" s="19"/>
    </row>
    <row r="43" spans="1:9" s="2" customFormat="1" ht="30" customHeight="1" x14ac:dyDescent="0.2">
      <c r="A43" s="19" t="s">
        <v>28</v>
      </c>
      <c r="B43" s="19" t="s">
        <v>214</v>
      </c>
      <c r="C43" s="19">
        <v>8</v>
      </c>
      <c r="D43" s="20" t="s">
        <v>201</v>
      </c>
      <c r="E43" s="19" t="s">
        <v>70</v>
      </c>
      <c r="F43" s="20" t="s">
        <v>211</v>
      </c>
      <c r="G43" s="20" t="s">
        <v>193</v>
      </c>
      <c r="H43" s="20" t="s">
        <v>12</v>
      </c>
      <c r="I43" s="19"/>
    </row>
    <row r="44" spans="1:9" s="2" customFormat="1" ht="30" customHeight="1" x14ac:dyDescent="0.2">
      <c r="A44" s="19" t="s">
        <v>28</v>
      </c>
      <c r="B44" s="19" t="s">
        <v>214</v>
      </c>
      <c r="C44" s="19">
        <v>9</v>
      </c>
      <c r="D44" s="20" t="s">
        <v>202</v>
      </c>
      <c r="E44" s="19" t="s">
        <v>70</v>
      </c>
      <c r="F44" s="20" t="s">
        <v>212</v>
      </c>
      <c r="G44" s="20" t="s">
        <v>19</v>
      </c>
      <c r="H44" s="20" t="s">
        <v>12</v>
      </c>
      <c r="I44" s="19"/>
    </row>
    <row r="45" spans="1:9" s="2" customFormat="1" ht="30" customHeight="1" x14ac:dyDescent="0.2">
      <c r="A45" s="19" t="s">
        <v>28</v>
      </c>
      <c r="B45" s="19" t="s">
        <v>214</v>
      </c>
      <c r="C45" s="19">
        <v>10</v>
      </c>
      <c r="D45" s="20" t="s">
        <v>203</v>
      </c>
      <c r="E45" s="19" t="s">
        <v>70</v>
      </c>
      <c r="F45" s="20" t="s">
        <v>213</v>
      </c>
      <c r="G45" s="20" t="s">
        <v>194</v>
      </c>
      <c r="H45" s="20" t="s">
        <v>12</v>
      </c>
      <c r="I45" s="19"/>
    </row>
    <row r="46" spans="1:9" s="2" customFormat="1" ht="30" customHeight="1" x14ac:dyDescent="0.2">
      <c r="A46" s="27" t="s">
        <v>28</v>
      </c>
      <c r="B46" s="16" t="s">
        <v>215</v>
      </c>
      <c r="C46" s="16">
        <v>1</v>
      </c>
      <c r="D46" s="26" t="s">
        <v>169</v>
      </c>
      <c r="E46" s="24" t="s">
        <v>79</v>
      </c>
      <c r="F46" s="26" t="s">
        <v>179</v>
      </c>
      <c r="G46" s="26" t="s">
        <v>17</v>
      </c>
      <c r="H46" s="26" t="s">
        <v>12</v>
      </c>
      <c r="I46" s="24"/>
    </row>
    <row r="47" spans="1:9" s="2" customFormat="1" ht="30" customHeight="1" x14ac:dyDescent="0.2">
      <c r="A47" s="27" t="s">
        <v>28</v>
      </c>
      <c r="B47" s="16" t="s">
        <v>168</v>
      </c>
      <c r="C47" s="16">
        <v>2</v>
      </c>
      <c r="D47" s="26" t="s">
        <v>170</v>
      </c>
      <c r="E47" s="24" t="s">
        <v>79</v>
      </c>
      <c r="F47" s="26" t="s">
        <v>180</v>
      </c>
      <c r="G47" s="26" t="s">
        <v>23</v>
      </c>
      <c r="H47" s="26" t="s">
        <v>12</v>
      </c>
      <c r="I47" s="24"/>
    </row>
    <row r="48" spans="1:9" s="2" customFormat="1" ht="30" customHeight="1" x14ac:dyDescent="0.2">
      <c r="A48" s="27" t="s">
        <v>28</v>
      </c>
      <c r="B48" s="16" t="s">
        <v>168</v>
      </c>
      <c r="C48" s="16">
        <v>3</v>
      </c>
      <c r="D48" s="26" t="s">
        <v>171</v>
      </c>
      <c r="E48" s="24" t="s">
        <v>70</v>
      </c>
      <c r="F48" s="26" t="s">
        <v>181</v>
      </c>
      <c r="G48" s="26" t="s">
        <v>189</v>
      </c>
      <c r="H48" s="26" t="s">
        <v>12</v>
      </c>
      <c r="I48" s="24"/>
    </row>
    <row r="49" spans="1:9" s="2" customFormat="1" ht="30" customHeight="1" x14ac:dyDescent="0.2">
      <c r="A49" s="27" t="s">
        <v>28</v>
      </c>
      <c r="B49" s="16" t="s">
        <v>168</v>
      </c>
      <c r="C49" s="16">
        <v>4</v>
      </c>
      <c r="D49" s="26" t="s">
        <v>172</v>
      </c>
      <c r="E49" s="24" t="s">
        <v>70</v>
      </c>
      <c r="F49" s="26" t="s">
        <v>182</v>
      </c>
      <c r="G49" s="26" t="s">
        <v>190</v>
      </c>
      <c r="H49" s="26" t="s">
        <v>12</v>
      </c>
      <c r="I49" s="24"/>
    </row>
    <row r="50" spans="1:9" s="2" customFormat="1" ht="30" customHeight="1" x14ac:dyDescent="0.2">
      <c r="A50" s="27" t="s">
        <v>28</v>
      </c>
      <c r="B50" s="16" t="s">
        <v>168</v>
      </c>
      <c r="C50" s="16">
        <v>5</v>
      </c>
      <c r="D50" s="26" t="s">
        <v>173</v>
      </c>
      <c r="E50" s="24" t="s">
        <v>70</v>
      </c>
      <c r="F50" s="26" t="s">
        <v>183</v>
      </c>
      <c r="G50" s="26" t="s">
        <v>191</v>
      </c>
      <c r="H50" s="26" t="s">
        <v>12</v>
      </c>
      <c r="I50" s="24"/>
    </row>
    <row r="51" spans="1:9" s="2" customFormat="1" ht="30" customHeight="1" x14ac:dyDescent="0.2">
      <c r="A51" s="27" t="s">
        <v>28</v>
      </c>
      <c r="B51" s="16" t="s">
        <v>168</v>
      </c>
      <c r="C51" s="16">
        <v>6</v>
      </c>
      <c r="D51" s="26" t="s">
        <v>174</v>
      </c>
      <c r="E51" s="24" t="s">
        <v>70</v>
      </c>
      <c r="F51" s="26" t="s">
        <v>184</v>
      </c>
      <c r="G51" s="26" t="s">
        <v>191</v>
      </c>
      <c r="H51" s="26" t="s">
        <v>12</v>
      </c>
      <c r="I51" s="24"/>
    </row>
    <row r="52" spans="1:9" s="2" customFormat="1" ht="30" customHeight="1" x14ac:dyDescent="0.2">
      <c r="A52" s="27" t="s">
        <v>28</v>
      </c>
      <c r="B52" s="16" t="s">
        <v>168</v>
      </c>
      <c r="C52" s="16">
        <v>7</v>
      </c>
      <c r="D52" s="26" t="s">
        <v>175</v>
      </c>
      <c r="E52" s="24" t="s">
        <v>79</v>
      </c>
      <c r="F52" s="26" t="s">
        <v>185</v>
      </c>
      <c r="G52" s="26" t="s">
        <v>84</v>
      </c>
      <c r="H52" s="26" t="s">
        <v>12</v>
      </c>
      <c r="I52" s="24"/>
    </row>
    <row r="53" spans="1:9" s="2" customFormat="1" ht="30" customHeight="1" x14ac:dyDescent="0.2">
      <c r="A53" s="27" t="s">
        <v>28</v>
      </c>
      <c r="B53" s="16" t="s">
        <v>168</v>
      </c>
      <c r="C53" s="16">
        <v>8</v>
      </c>
      <c r="D53" s="26" t="s">
        <v>176</v>
      </c>
      <c r="E53" s="24" t="s">
        <v>70</v>
      </c>
      <c r="F53" s="26" t="s">
        <v>186</v>
      </c>
      <c r="G53" s="26" t="s">
        <v>192</v>
      </c>
      <c r="H53" s="26" t="s">
        <v>12</v>
      </c>
      <c r="I53" s="24"/>
    </row>
    <row r="54" spans="1:9" s="2" customFormat="1" ht="30" customHeight="1" x14ac:dyDescent="0.2">
      <c r="A54" s="27" t="s">
        <v>28</v>
      </c>
      <c r="B54" s="16" t="s">
        <v>167</v>
      </c>
      <c r="C54" s="16">
        <v>9</v>
      </c>
      <c r="D54" s="26" t="s">
        <v>177</v>
      </c>
      <c r="E54" s="24" t="s">
        <v>70</v>
      </c>
      <c r="F54" s="26" t="s">
        <v>187</v>
      </c>
      <c r="G54" s="26" t="s">
        <v>191</v>
      </c>
      <c r="H54" s="26" t="s">
        <v>12</v>
      </c>
      <c r="I54" s="24"/>
    </row>
    <row r="55" spans="1:9" s="2" customFormat="1" ht="30" customHeight="1" x14ac:dyDescent="0.2">
      <c r="A55" s="27" t="s">
        <v>28</v>
      </c>
      <c r="B55" s="16" t="s">
        <v>168</v>
      </c>
      <c r="C55" s="16">
        <v>10</v>
      </c>
      <c r="D55" s="26" t="s">
        <v>178</v>
      </c>
      <c r="E55" s="24" t="s">
        <v>70</v>
      </c>
      <c r="F55" s="26" t="s">
        <v>188</v>
      </c>
      <c r="G55" s="26" t="s">
        <v>191</v>
      </c>
      <c r="H55" s="26" t="s">
        <v>12</v>
      </c>
      <c r="I55" s="24"/>
    </row>
    <row r="56" spans="1:9" s="3" customFormat="1" ht="30" customHeight="1" x14ac:dyDescent="0.2">
      <c r="A56" s="19" t="s">
        <v>28</v>
      </c>
      <c r="B56" s="19" t="s">
        <v>141</v>
      </c>
      <c r="C56" s="19">
        <v>1</v>
      </c>
      <c r="D56" s="20" t="s">
        <v>142</v>
      </c>
      <c r="E56" s="19" t="s">
        <v>79</v>
      </c>
      <c r="F56" s="20" t="s">
        <v>151</v>
      </c>
      <c r="G56" s="20" t="s">
        <v>160</v>
      </c>
      <c r="H56" s="20" t="s">
        <v>12</v>
      </c>
      <c r="I56" s="19"/>
    </row>
    <row r="57" spans="1:9" s="3" customFormat="1" ht="30" customHeight="1" x14ac:dyDescent="0.2">
      <c r="A57" s="19" t="s">
        <v>28</v>
      </c>
      <c r="B57" s="19" t="s">
        <v>140</v>
      </c>
      <c r="C57" s="19">
        <v>2</v>
      </c>
      <c r="D57" s="20" t="s">
        <v>143</v>
      </c>
      <c r="E57" s="19" t="s">
        <v>70</v>
      </c>
      <c r="F57" s="20" t="s">
        <v>152</v>
      </c>
      <c r="G57" s="20" t="s">
        <v>161</v>
      </c>
      <c r="H57" s="20" t="s">
        <v>12</v>
      </c>
      <c r="I57" s="19"/>
    </row>
    <row r="58" spans="1:9" s="3" customFormat="1" ht="30" customHeight="1" x14ac:dyDescent="0.2">
      <c r="A58" s="19" t="s">
        <v>28</v>
      </c>
      <c r="B58" s="19" t="s">
        <v>140</v>
      </c>
      <c r="C58" s="19">
        <v>3</v>
      </c>
      <c r="D58" s="20" t="s">
        <v>144</v>
      </c>
      <c r="E58" s="19" t="s">
        <v>70</v>
      </c>
      <c r="F58" s="20" t="s">
        <v>153</v>
      </c>
      <c r="G58" s="20" t="s">
        <v>162</v>
      </c>
      <c r="H58" s="20" t="s">
        <v>12</v>
      </c>
      <c r="I58" s="19"/>
    </row>
    <row r="59" spans="1:9" s="3" customFormat="1" ht="30" customHeight="1" x14ac:dyDescent="0.2">
      <c r="A59" s="19" t="s">
        <v>28</v>
      </c>
      <c r="B59" s="19" t="s">
        <v>140</v>
      </c>
      <c r="C59" s="19">
        <v>4</v>
      </c>
      <c r="D59" s="20" t="s">
        <v>145</v>
      </c>
      <c r="E59" s="19" t="s">
        <v>70</v>
      </c>
      <c r="F59" s="20" t="s">
        <v>154</v>
      </c>
      <c r="G59" s="20" t="s">
        <v>163</v>
      </c>
      <c r="H59" s="20" t="s">
        <v>12</v>
      </c>
      <c r="I59" s="19"/>
    </row>
    <row r="60" spans="1:9" s="3" customFormat="1" ht="30" customHeight="1" x14ac:dyDescent="0.2">
      <c r="A60" s="19" t="s">
        <v>28</v>
      </c>
      <c r="B60" s="19" t="s">
        <v>140</v>
      </c>
      <c r="C60" s="19">
        <v>5</v>
      </c>
      <c r="D60" s="20" t="s">
        <v>146</v>
      </c>
      <c r="E60" s="19" t="s">
        <v>70</v>
      </c>
      <c r="F60" s="20" t="s">
        <v>155</v>
      </c>
      <c r="G60" s="20" t="s">
        <v>162</v>
      </c>
      <c r="H60" s="20" t="s">
        <v>12</v>
      </c>
      <c r="I60" s="19"/>
    </row>
    <row r="61" spans="1:9" s="3" customFormat="1" ht="30" customHeight="1" x14ac:dyDescent="0.2">
      <c r="A61" s="19" t="s">
        <v>28</v>
      </c>
      <c r="B61" s="19" t="s">
        <v>140</v>
      </c>
      <c r="C61" s="19">
        <v>6</v>
      </c>
      <c r="D61" s="20" t="s">
        <v>147</v>
      </c>
      <c r="E61" s="19" t="s">
        <v>70</v>
      </c>
      <c r="F61" s="20" t="s">
        <v>156</v>
      </c>
      <c r="G61" s="20" t="s">
        <v>164</v>
      </c>
      <c r="H61" s="20" t="s">
        <v>12</v>
      </c>
      <c r="I61" s="19"/>
    </row>
    <row r="62" spans="1:9" s="3" customFormat="1" ht="30" customHeight="1" x14ac:dyDescent="0.2">
      <c r="A62" s="19" t="s">
        <v>28</v>
      </c>
      <c r="B62" s="19" t="s">
        <v>140</v>
      </c>
      <c r="C62" s="19">
        <v>7</v>
      </c>
      <c r="D62" s="20" t="s">
        <v>148</v>
      </c>
      <c r="E62" s="19" t="s">
        <v>70</v>
      </c>
      <c r="F62" s="20" t="s">
        <v>157</v>
      </c>
      <c r="G62" s="20" t="s">
        <v>165</v>
      </c>
      <c r="H62" s="20" t="s">
        <v>12</v>
      </c>
      <c r="I62" s="19"/>
    </row>
    <row r="63" spans="1:9" s="3" customFormat="1" ht="30" customHeight="1" x14ac:dyDescent="0.2">
      <c r="A63" s="19" t="s">
        <v>28</v>
      </c>
      <c r="B63" s="19" t="s">
        <v>140</v>
      </c>
      <c r="C63" s="19">
        <v>8</v>
      </c>
      <c r="D63" s="20" t="s">
        <v>149</v>
      </c>
      <c r="E63" s="19" t="s">
        <v>65</v>
      </c>
      <c r="F63" s="20" t="s">
        <v>158</v>
      </c>
      <c r="G63" s="20" t="s">
        <v>161</v>
      </c>
      <c r="H63" s="20" t="s">
        <v>12</v>
      </c>
      <c r="I63" s="19"/>
    </row>
    <row r="64" spans="1:9" s="3" customFormat="1" ht="30" customHeight="1" x14ac:dyDescent="0.2">
      <c r="A64" s="19" t="s">
        <v>28</v>
      </c>
      <c r="B64" s="19" t="s">
        <v>140</v>
      </c>
      <c r="C64" s="19">
        <v>9</v>
      </c>
      <c r="D64" s="20" t="s">
        <v>150</v>
      </c>
      <c r="E64" s="19" t="s">
        <v>70</v>
      </c>
      <c r="F64" s="20" t="s">
        <v>159</v>
      </c>
      <c r="G64" s="20" t="s">
        <v>166</v>
      </c>
      <c r="H64" s="20" t="s">
        <v>12</v>
      </c>
      <c r="I64" s="19"/>
    </row>
    <row r="65" spans="1:9" s="3" customFormat="1" ht="30" customHeight="1" x14ac:dyDescent="0.2">
      <c r="A65" s="27" t="s">
        <v>28</v>
      </c>
      <c r="B65" s="16" t="s">
        <v>114</v>
      </c>
      <c r="C65" s="16">
        <v>1</v>
      </c>
      <c r="D65" s="26" t="s">
        <v>115</v>
      </c>
      <c r="E65" s="24" t="s">
        <v>79</v>
      </c>
      <c r="F65" s="26" t="s">
        <v>124</v>
      </c>
      <c r="G65" s="26" t="s">
        <v>133</v>
      </c>
      <c r="H65" s="26" t="s">
        <v>12</v>
      </c>
      <c r="I65" s="24"/>
    </row>
    <row r="66" spans="1:9" s="3" customFormat="1" ht="30" customHeight="1" x14ac:dyDescent="0.2">
      <c r="A66" s="27" t="s">
        <v>28</v>
      </c>
      <c r="B66" s="16" t="s">
        <v>113</v>
      </c>
      <c r="C66" s="16">
        <v>2</v>
      </c>
      <c r="D66" s="26" t="s">
        <v>116</v>
      </c>
      <c r="E66" s="24" t="s">
        <v>70</v>
      </c>
      <c r="F66" s="26" t="s">
        <v>125</v>
      </c>
      <c r="G66" s="26" t="s">
        <v>134</v>
      </c>
      <c r="H66" s="26" t="s">
        <v>12</v>
      </c>
      <c r="I66" s="24"/>
    </row>
    <row r="67" spans="1:9" s="3" customFormat="1" ht="30" customHeight="1" x14ac:dyDescent="0.2">
      <c r="A67" s="27" t="s">
        <v>28</v>
      </c>
      <c r="B67" s="16" t="s">
        <v>113</v>
      </c>
      <c r="C67" s="16">
        <v>3</v>
      </c>
      <c r="D67" s="26" t="s">
        <v>117</v>
      </c>
      <c r="E67" s="24" t="s">
        <v>70</v>
      </c>
      <c r="F67" s="26" t="s">
        <v>126</v>
      </c>
      <c r="G67" s="26" t="s">
        <v>135</v>
      </c>
      <c r="H67" s="26" t="s">
        <v>12</v>
      </c>
      <c r="I67" s="24"/>
    </row>
    <row r="68" spans="1:9" s="3" customFormat="1" ht="30" customHeight="1" x14ac:dyDescent="0.2">
      <c r="A68" s="27" t="s">
        <v>28</v>
      </c>
      <c r="B68" s="16" t="s">
        <v>113</v>
      </c>
      <c r="C68" s="16">
        <v>4</v>
      </c>
      <c r="D68" s="26" t="s">
        <v>118</v>
      </c>
      <c r="E68" s="24" t="s">
        <v>70</v>
      </c>
      <c r="F68" s="26" t="s">
        <v>127</v>
      </c>
      <c r="G68" s="26" t="s">
        <v>136</v>
      </c>
      <c r="H68" s="26" t="s">
        <v>12</v>
      </c>
      <c r="I68" s="24"/>
    </row>
    <row r="69" spans="1:9" s="3" customFormat="1" ht="30" customHeight="1" x14ac:dyDescent="0.2">
      <c r="A69" s="27" t="s">
        <v>28</v>
      </c>
      <c r="B69" s="16" t="s">
        <v>113</v>
      </c>
      <c r="C69" s="16">
        <v>5</v>
      </c>
      <c r="D69" s="26" t="s">
        <v>119</v>
      </c>
      <c r="E69" s="24" t="s">
        <v>79</v>
      </c>
      <c r="F69" s="26" t="s">
        <v>128</v>
      </c>
      <c r="G69" s="26" t="s">
        <v>137</v>
      </c>
      <c r="H69" s="26" t="s">
        <v>12</v>
      </c>
      <c r="I69" s="24"/>
    </row>
    <row r="70" spans="1:9" s="3" customFormat="1" ht="30" customHeight="1" x14ac:dyDescent="0.2">
      <c r="A70" s="27" t="s">
        <v>28</v>
      </c>
      <c r="B70" s="16" t="s">
        <v>113</v>
      </c>
      <c r="C70" s="16">
        <v>6</v>
      </c>
      <c r="D70" s="26" t="s">
        <v>120</v>
      </c>
      <c r="E70" s="24" t="s">
        <v>70</v>
      </c>
      <c r="F70" s="26" t="s">
        <v>129</v>
      </c>
      <c r="G70" s="26" t="s">
        <v>138</v>
      </c>
      <c r="H70" s="26" t="s">
        <v>12</v>
      </c>
      <c r="I70" s="24"/>
    </row>
    <row r="71" spans="1:9" s="3" customFormat="1" ht="30" customHeight="1" x14ac:dyDescent="0.2">
      <c r="A71" s="27" t="s">
        <v>28</v>
      </c>
      <c r="B71" s="16" t="s">
        <v>113</v>
      </c>
      <c r="C71" s="16">
        <v>7</v>
      </c>
      <c r="D71" s="26" t="s">
        <v>121</v>
      </c>
      <c r="E71" s="24" t="s">
        <v>70</v>
      </c>
      <c r="F71" s="26" t="s">
        <v>130</v>
      </c>
      <c r="G71" s="26" t="s">
        <v>139</v>
      </c>
      <c r="H71" s="26" t="s">
        <v>12</v>
      </c>
      <c r="I71" s="24"/>
    </row>
    <row r="72" spans="1:9" s="3" customFormat="1" ht="30" customHeight="1" x14ac:dyDescent="0.2">
      <c r="A72" s="27" t="s">
        <v>28</v>
      </c>
      <c r="B72" s="16" t="s">
        <v>113</v>
      </c>
      <c r="C72" s="16">
        <v>8</v>
      </c>
      <c r="D72" s="26" t="s">
        <v>122</v>
      </c>
      <c r="E72" s="24" t="s">
        <v>70</v>
      </c>
      <c r="F72" s="26" t="s">
        <v>131</v>
      </c>
      <c r="G72" s="26" t="s">
        <v>136</v>
      </c>
      <c r="H72" s="26" t="s">
        <v>12</v>
      </c>
      <c r="I72" s="24"/>
    </row>
    <row r="73" spans="1:9" s="3" customFormat="1" ht="30" customHeight="1" x14ac:dyDescent="0.2">
      <c r="A73" s="27" t="s">
        <v>28</v>
      </c>
      <c r="B73" s="16" t="s">
        <v>113</v>
      </c>
      <c r="C73" s="16">
        <v>9</v>
      </c>
      <c r="D73" s="26" t="s">
        <v>123</v>
      </c>
      <c r="E73" s="24" t="s">
        <v>70</v>
      </c>
      <c r="F73" s="26" t="s">
        <v>132</v>
      </c>
      <c r="G73" s="26" t="s">
        <v>139</v>
      </c>
      <c r="H73" s="26" t="s">
        <v>12</v>
      </c>
      <c r="I73" s="24"/>
    </row>
    <row r="74" spans="1:9" s="3" customFormat="1" ht="30" customHeight="1" x14ac:dyDescent="0.2">
      <c r="A74" s="19" t="s">
        <v>28</v>
      </c>
      <c r="B74" s="19" t="s">
        <v>81</v>
      </c>
      <c r="C74" s="19">
        <v>1</v>
      </c>
      <c r="D74" s="20" t="s">
        <v>82</v>
      </c>
      <c r="E74" s="19" t="s">
        <v>79</v>
      </c>
      <c r="F74" s="20" t="s">
        <v>83</v>
      </c>
      <c r="G74" s="20" t="s">
        <v>84</v>
      </c>
      <c r="H74" s="20" t="s">
        <v>12</v>
      </c>
      <c r="I74" s="19"/>
    </row>
    <row r="75" spans="1:9" s="3" customFormat="1" ht="30" customHeight="1" x14ac:dyDescent="0.2">
      <c r="A75" s="19" t="s">
        <v>28</v>
      </c>
      <c r="B75" s="19" t="s">
        <v>81</v>
      </c>
      <c r="C75" s="19">
        <v>2</v>
      </c>
      <c r="D75" s="20" t="s">
        <v>85</v>
      </c>
      <c r="E75" s="19" t="s">
        <v>79</v>
      </c>
      <c r="F75" s="20" t="s">
        <v>86</v>
      </c>
      <c r="G75" s="20" t="s">
        <v>18</v>
      </c>
      <c r="H75" s="20" t="s">
        <v>12</v>
      </c>
      <c r="I75" s="19"/>
    </row>
    <row r="76" spans="1:9" s="3" customFormat="1" ht="30" customHeight="1" x14ac:dyDescent="0.2">
      <c r="A76" s="19" t="s">
        <v>28</v>
      </c>
      <c r="B76" s="19" t="s">
        <v>81</v>
      </c>
      <c r="C76" s="19">
        <v>3</v>
      </c>
      <c r="D76" s="20" t="s">
        <v>87</v>
      </c>
      <c r="E76" s="19" t="s">
        <v>79</v>
      </c>
      <c r="F76" s="20" t="s">
        <v>88</v>
      </c>
      <c r="G76" s="20" t="s">
        <v>18</v>
      </c>
      <c r="H76" s="20" t="s">
        <v>12</v>
      </c>
      <c r="I76" s="19"/>
    </row>
    <row r="77" spans="1:9" s="3" customFormat="1" ht="30" customHeight="1" x14ac:dyDescent="0.2">
      <c r="A77" s="19" t="s">
        <v>28</v>
      </c>
      <c r="B77" s="19" t="s">
        <v>81</v>
      </c>
      <c r="C77" s="19">
        <v>4</v>
      </c>
      <c r="D77" s="20" t="s">
        <v>89</v>
      </c>
      <c r="E77" s="19" t="s">
        <v>79</v>
      </c>
      <c r="F77" s="20" t="s">
        <v>90</v>
      </c>
      <c r="G77" s="20" t="s">
        <v>91</v>
      </c>
      <c r="H77" s="20" t="s">
        <v>12</v>
      </c>
      <c r="I77" s="19"/>
    </row>
    <row r="78" spans="1:9" s="3" customFormat="1" ht="30" customHeight="1" x14ac:dyDescent="0.2">
      <c r="A78" s="19" t="s">
        <v>28</v>
      </c>
      <c r="B78" s="19" t="s">
        <v>81</v>
      </c>
      <c r="C78" s="19">
        <v>5</v>
      </c>
      <c r="D78" s="20" t="s">
        <v>92</v>
      </c>
      <c r="E78" s="19" t="s">
        <v>70</v>
      </c>
      <c r="F78" s="20" t="s">
        <v>93</v>
      </c>
      <c r="G78" s="20" t="s">
        <v>94</v>
      </c>
      <c r="H78" s="20" t="s">
        <v>12</v>
      </c>
      <c r="I78" s="19"/>
    </row>
    <row r="79" spans="1:9" s="3" customFormat="1" ht="30" customHeight="1" x14ac:dyDescent="0.2">
      <c r="A79" s="19" t="s">
        <v>28</v>
      </c>
      <c r="B79" s="19" t="s">
        <v>81</v>
      </c>
      <c r="C79" s="19">
        <v>6</v>
      </c>
      <c r="D79" s="20" t="s">
        <v>95</v>
      </c>
      <c r="E79" s="19" t="s">
        <v>70</v>
      </c>
      <c r="F79" s="20" t="s">
        <v>96</v>
      </c>
      <c r="G79" s="20" t="s">
        <v>18</v>
      </c>
      <c r="H79" s="20" t="s">
        <v>12</v>
      </c>
      <c r="I79" s="19"/>
    </row>
    <row r="80" spans="1:9" s="3" customFormat="1" ht="30" customHeight="1" x14ac:dyDescent="0.2">
      <c r="A80" s="19" t="s">
        <v>28</v>
      </c>
      <c r="B80" s="19" t="s">
        <v>81</v>
      </c>
      <c r="C80" s="19">
        <v>7</v>
      </c>
      <c r="D80" s="20" t="s">
        <v>97</v>
      </c>
      <c r="E80" s="19" t="s">
        <v>70</v>
      </c>
      <c r="F80" s="20" t="s">
        <v>98</v>
      </c>
      <c r="G80" s="20" t="s">
        <v>22</v>
      </c>
      <c r="H80" s="20" t="s">
        <v>12</v>
      </c>
      <c r="I80" s="19"/>
    </row>
    <row r="81" spans="1:9" s="3" customFormat="1" ht="30" customHeight="1" x14ac:dyDescent="0.2">
      <c r="A81" s="19" t="s">
        <v>28</v>
      </c>
      <c r="B81" s="19" t="s">
        <v>81</v>
      </c>
      <c r="C81" s="19">
        <v>8</v>
      </c>
      <c r="D81" s="20" t="s">
        <v>99</v>
      </c>
      <c r="E81" s="19" t="s">
        <v>70</v>
      </c>
      <c r="F81" s="20" t="s">
        <v>100</v>
      </c>
      <c r="G81" s="20" t="s">
        <v>94</v>
      </c>
      <c r="H81" s="20" t="s">
        <v>12</v>
      </c>
      <c r="I81" s="19"/>
    </row>
    <row r="82" spans="1:9" s="3" customFormat="1" ht="30" customHeight="1" x14ac:dyDescent="0.2">
      <c r="A82" s="19" t="s">
        <v>28</v>
      </c>
      <c r="B82" s="19" t="s">
        <v>81</v>
      </c>
      <c r="C82" s="19">
        <v>9</v>
      </c>
      <c r="D82" s="20" t="s">
        <v>101</v>
      </c>
      <c r="E82" s="19" t="s">
        <v>70</v>
      </c>
      <c r="F82" s="20" t="s">
        <v>102</v>
      </c>
      <c r="G82" s="20" t="s">
        <v>94</v>
      </c>
      <c r="H82" s="20" t="s">
        <v>12</v>
      </c>
      <c r="I82" s="19"/>
    </row>
    <row r="83" spans="1:9" s="3" customFormat="1" ht="30" customHeight="1" x14ac:dyDescent="0.2">
      <c r="A83" s="19" t="s">
        <v>28</v>
      </c>
      <c r="B83" s="19" t="s">
        <v>81</v>
      </c>
      <c r="C83" s="19">
        <v>10</v>
      </c>
      <c r="D83" s="20" t="s">
        <v>103</v>
      </c>
      <c r="E83" s="19" t="s">
        <v>70</v>
      </c>
      <c r="F83" s="20" t="s">
        <v>104</v>
      </c>
      <c r="G83" s="20" t="s">
        <v>105</v>
      </c>
      <c r="H83" s="20" t="s">
        <v>12</v>
      </c>
      <c r="I83" s="19"/>
    </row>
    <row r="84" spans="1:9" s="3" customFormat="1" ht="30" customHeight="1" x14ac:dyDescent="0.2">
      <c r="A84" s="19" t="s">
        <v>28</v>
      </c>
      <c r="B84" s="19" t="s">
        <v>81</v>
      </c>
      <c r="C84" s="19">
        <v>11</v>
      </c>
      <c r="D84" s="20" t="s">
        <v>106</v>
      </c>
      <c r="E84" s="19" t="s">
        <v>70</v>
      </c>
      <c r="F84" s="20" t="s">
        <v>107</v>
      </c>
      <c r="G84" s="20" t="s">
        <v>108</v>
      </c>
      <c r="H84" s="20" t="s">
        <v>12</v>
      </c>
      <c r="I84" s="19"/>
    </row>
    <row r="85" spans="1:9" s="3" customFormat="1" ht="30" customHeight="1" x14ac:dyDescent="0.2">
      <c r="A85" s="19" t="s">
        <v>28</v>
      </c>
      <c r="B85" s="19" t="s">
        <v>81</v>
      </c>
      <c r="C85" s="19">
        <v>12</v>
      </c>
      <c r="D85" s="20" t="s">
        <v>109</v>
      </c>
      <c r="E85" s="19" t="s">
        <v>70</v>
      </c>
      <c r="F85" s="20" t="s">
        <v>110</v>
      </c>
      <c r="G85" s="20" t="s">
        <v>108</v>
      </c>
      <c r="H85" s="20" t="s">
        <v>12</v>
      </c>
      <c r="I85" s="19"/>
    </row>
    <row r="86" spans="1:9" s="3" customFormat="1" ht="30" customHeight="1" x14ac:dyDescent="0.2">
      <c r="A86" s="24" t="s">
        <v>28</v>
      </c>
      <c r="B86" s="16" t="s">
        <v>26</v>
      </c>
      <c r="C86" s="16">
        <v>1</v>
      </c>
      <c r="D86" s="26" t="s">
        <v>73</v>
      </c>
      <c r="E86" s="24" t="s">
        <v>79</v>
      </c>
      <c r="F86" s="26" t="s">
        <v>54</v>
      </c>
      <c r="G86" s="26" t="s">
        <v>23</v>
      </c>
      <c r="H86" s="26" t="s">
        <v>12</v>
      </c>
      <c r="I86" s="24"/>
    </row>
    <row r="87" spans="1:9" ht="30" customHeight="1" x14ac:dyDescent="0.2">
      <c r="A87" s="24" t="s">
        <v>28</v>
      </c>
      <c r="B87" s="24" t="s">
        <v>26</v>
      </c>
      <c r="C87" s="24">
        <v>2</v>
      </c>
      <c r="D87" s="26" t="s">
        <v>74</v>
      </c>
      <c r="E87" s="24" t="s">
        <v>79</v>
      </c>
      <c r="F87" s="26" t="s">
        <v>55</v>
      </c>
      <c r="G87" s="26" t="s">
        <v>18</v>
      </c>
      <c r="H87" s="26" t="s">
        <v>12</v>
      </c>
      <c r="I87" s="28"/>
    </row>
    <row r="88" spans="1:9" ht="30" customHeight="1" x14ac:dyDescent="0.2">
      <c r="A88" s="24" t="s">
        <v>28</v>
      </c>
      <c r="B88" s="24" t="s">
        <v>26</v>
      </c>
      <c r="C88" s="24">
        <v>3</v>
      </c>
      <c r="D88" s="26" t="s">
        <v>31</v>
      </c>
      <c r="E88" s="24" t="s">
        <v>70</v>
      </c>
      <c r="F88" s="26" t="s">
        <v>56</v>
      </c>
      <c r="G88" s="26" t="s">
        <v>20</v>
      </c>
      <c r="H88" s="26" t="s">
        <v>12</v>
      </c>
      <c r="I88" s="28"/>
    </row>
    <row r="89" spans="1:9" ht="30" customHeight="1" x14ac:dyDescent="0.2">
      <c r="A89" s="24" t="s">
        <v>28</v>
      </c>
      <c r="B89" s="24" t="s">
        <v>26</v>
      </c>
      <c r="C89" s="24">
        <v>4</v>
      </c>
      <c r="D89" s="26" t="s">
        <v>46</v>
      </c>
      <c r="E89" s="24" t="s">
        <v>79</v>
      </c>
      <c r="F89" s="26" t="s">
        <v>57</v>
      </c>
      <c r="G89" s="26" t="s">
        <v>18</v>
      </c>
      <c r="H89" s="26" t="s">
        <v>12</v>
      </c>
      <c r="I89" s="28"/>
    </row>
    <row r="90" spans="1:9" ht="30" customHeight="1" x14ac:dyDescent="0.2">
      <c r="A90" s="24" t="s">
        <v>28</v>
      </c>
      <c r="B90" s="29" t="s">
        <v>26</v>
      </c>
      <c r="C90" s="29">
        <v>5</v>
      </c>
      <c r="D90" s="26" t="s">
        <v>47</v>
      </c>
      <c r="E90" s="24" t="s">
        <v>70</v>
      </c>
      <c r="F90" s="26" t="s">
        <v>58</v>
      </c>
      <c r="G90" s="26" t="s">
        <v>19</v>
      </c>
      <c r="H90" s="26" t="s">
        <v>12</v>
      </c>
      <c r="I90" s="28"/>
    </row>
    <row r="91" spans="1:9" ht="30" customHeight="1" x14ac:dyDescent="0.2">
      <c r="A91" s="24" t="s">
        <v>28</v>
      </c>
      <c r="B91" s="24" t="s">
        <v>26</v>
      </c>
      <c r="C91" s="24">
        <v>6</v>
      </c>
      <c r="D91" s="26" t="s">
        <v>48</v>
      </c>
      <c r="E91" s="24" t="s">
        <v>79</v>
      </c>
      <c r="F91" s="26" t="s">
        <v>59</v>
      </c>
      <c r="G91" s="26" t="s">
        <v>17</v>
      </c>
      <c r="H91" s="26" t="s">
        <v>12</v>
      </c>
      <c r="I91" s="28"/>
    </row>
    <row r="92" spans="1:9" ht="30" customHeight="1" x14ac:dyDescent="0.2">
      <c r="A92" s="24" t="s">
        <v>28</v>
      </c>
      <c r="B92" s="24" t="s">
        <v>26</v>
      </c>
      <c r="C92" s="24">
        <v>7</v>
      </c>
      <c r="D92" s="26" t="s">
        <v>49</v>
      </c>
      <c r="E92" s="24" t="s">
        <v>70</v>
      </c>
      <c r="F92" s="26" t="s">
        <v>60</v>
      </c>
      <c r="G92" s="26" t="s">
        <v>20</v>
      </c>
      <c r="H92" s="26" t="s">
        <v>12</v>
      </c>
      <c r="I92" s="28"/>
    </row>
    <row r="93" spans="1:9" ht="30" customHeight="1" x14ac:dyDescent="0.2">
      <c r="A93" s="24" t="s">
        <v>28</v>
      </c>
      <c r="B93" s="24" t="s">
        <v>26</v>
      </c>
      <c r="C93" s="24">
        <v>8</v>
      </c>
      <c r="D93" s="26" t="s">
        <v>50</v>
      </c>
      <c r="E93" s="24" t="s">
        <v>70</v>
      </c>
      <c r="F93" s="26" t="s">
        <v>61</v>
      </c>
      <c r="G93" s="26" t="s">
        <v>24</v>
      </c>
      <c r="H93" s="26" t="s">
        <v>12</v>
      </c>
      <c r="I93" s="28"/>
    </row>
    <row r="94" spans="1:9" ht="30" customHeight="1" x14ac:dyDescent="0.2">
      <c r="A94" s="24" t="s">
        <v>28</v>
      </c>
      <c r="B94" s="24" t="s">
        <v>26</v>
      </c>
      <c r="C94" s="24">
        <v>9</v>
      </c>
      <c r="D94" s="26" t="s">
        <v>51</v>
      </c>
      <c r="E94" s="24" t="s">
        <v>70</v>
      </c>
      <c r="F94" s="26" t="s">
        <v>62</v>
      </c>
      <c r="G94" s="26" t="s">
        <v>21</v>
      </c>
      <c r="H94" s="26" t="s">
        <v>12</v>
      </c>
      <c r="I94" s="28"/>
    </row>
    <row r="95" spans="1:9" ht="30" customHeight="1" x14ac:dyDescent="0.2">
      <c r="A95" s="24" t="s">
        <v>28</v>
      </c>
      <c r="B95" s="24" t="s">
        <v>26</v>
      </c>
      <c r="C95" s="24">
        <v>10</v>
      </c>
      <c r="D95" s="26" t="s">
        <v>52</v>
      </c>
      <c r="E95" s="24" t="s">
        <v>70</v>
      </c>
      <c r="F95" s="26" t="s">
        <v>25</v>
      </c>
      <c r="G95" s="26" t="s">
        <v>19</v>
      </c>
      <c r="H95" s="26" t="s">
        <v>12</v>
      </c>
      <c r="I95" s="28"/>
    </row>
    <row r="96" spans="1:9" ht="30" customHeight="1" x14ac:dyDescent="0.2">
      <c r="A96" s="24" t="s">
        <v>28</v>
      </c>
      <c r="B96" s="24" t="s">
        <v>26</v>
      </c>
      <c r="C96" s="24">
        <v>11</v>
      </c>
      <c r="D96" s="26" t="s">
        <v>53</v>
      </c>
      <c r="E96" s="24" t="s">
        <v>70</v>
      </c>
      <c r="F96" s="26" t="s">
        <v>63</v>
      </c>
      <c r="G96" s="26" t="s">
        <v>19</v>
      </c>
      <c r="H96" s="26" t="s">
        <v>12</v>
      </c>
      <c r="I96" s="28"/>
    </row>
    <row r="97" spans="1:9" ht="30" customHeight="1" x14ac:dyDescent="0.2">
      <c r="A97" s="19" t="s">
        <v>28</v>
      </c>
      <c r="B97" s="19" t="s">
        <v>27</v>
      </c>
      <c r="C97" s="19">
        <v>1</v>
      </c>
      <c r="D97" s="20" t="s">
        <v>74</v>
      </c>
      <c r="E97" s="19" t="s">
        <v>80</v>
      </c>
      <c r="F97" s="20" t="s">
        <v>32</v>
      </c>
      <c r="G97" s="20" t="s">
        <v>16</v>
      </c>
      <c r="H97" s="20" t="s">
        <v>12</v>
      </c>
      <c r="I97" s="30"/>
    </row>
    <row r="98" spans="1:9" ht="30" customHeight="1" x14ac:dyDescent="0.2">
      <c r="A98" s="19" t="s">
        <v>28</v>
      </c>
      <c r="B98" s="19" t="s">
        <v>27</v>
      </c>
      <c r="C98" s="19">
        <v>2</v>
      </c>
      <c r="D98" s="20" t="s">
        <v>66</v>
      </c>
      <c r="E98" s="19" t="s">
        <v>80</v>
      </c>
      <c r="F98" s="20" t="s">
        <v>33</v>
      </c>
      <c r="G98" s="20" t="s">
        <v>16</v>
      </c>
      <c r="H98" s="20" t="s">
        <v>12</v>
      </c>
      <c r="I98" s="30"/>
    </row>
    <row r="99" spans="1:9" ht="30" customHeight="1" x14ac:dyDescent="0.2">
      <c r="A99" s="19" t="s">
        <v>28</v>
      </c>
      <c r="B99" s="19" t="s">
        <v>27</v>
      </c>
      <c r="C99" s="19">
        <v>3</v>
      </c>
      <c r="D99" s="20" t="s">
        <v>67</v>
      </c>
      <c r="E99" s="19" t="s">
        <v>70</v>
      </c>
      <c r="F99" s="20" t="s">
        <v>34</v>
      </c>
      <c r="G99" s="20" t="s">
        <v>14</v>
      </c>
      <c r="H99" s="20" t="s">
        <v>12</v>
      </c>
      <c r="I99" s="30"/>
    </row>
    <row r="100" spans="1:9" ht="30" customHeight="1" x14ac:dyDescent="0.2">
      <c r="A100" s="19" t="s">
        <v>28</v>
      </c>
      <c r="B100" s="19" t="s">
        <v>27</v>
      </c>
      <c r="C100" s="19">
        <v>4</v>
      </c>
      <c r="D100" s="20" t="s">
        <v>68</v>
      </c>
      <c r="E100" s="19" t="s">
        <v>70</v>
      </c>
      <c r="F100" s="20" t="s">
        <v>35</v>
      </c>
      <c r="G100" s="20" t="s">
        <v>43</v>
      </c>
      <c r="H100" s="20" t="s">
        <v>12</v>
      </c>
      <c r="I100" s="30"/>
    </row>
    <row r="101" spans="1:9" ht="30" customHeight="1" x14ac:dyDescent="0.2">
      <c r="A101" s="19" t="s">
        <v>28</v>
      </c>
      <c r="B101" s="19" t="s">
        <v>27</v>
      </c>
      <c r="C101" s="19">
        <v>5</v>
      </c>
      <c r="D101" s="20" t="s">
        <v>71</v>
      </c>
      <c r="E101" s="19" t="s">
        <v>70</v>
      </c>
      <c r="F101" s="20" t="s">
        <v>36</v>
      </c>
      <c r="G101" s="20" t="s">
        <v>44</v>
      </c>
      <c r="H101" s="20" t="s">
        <v>12</v>
      </c>
      <c r="I101" s="30"/>
    </row>
    <row r="102" spans="1:9" ht="30" customHeight="1" x14ac:dyDescent="0.2">
      <c r="A102" s="19" t="s">
        <v>28</v>
      </c>
      <c r="B102" s="19" t="s">
        <v>27</v>
      </c>
      <c r="C102" s="19">
        <v>6</v>
      </c>
      <c r="D102" s="20" t="s">
        <v>72</v>
      </c>
      <c r="E102" s="19" t="s">
        <v>70</v>
      </c>
      <c r="F102" s="20" t="s">
        <v>37</v>
      </c>
      <c r="G102" s="20" t="s">
        <v>13</v>
      </c>
      <c r="H102" s="20" t="s">
        <v>12</v>
      </c>
      <c r="I102" s="30"/>
    </row>
    <row r="103" spans="1:9" ht="30" customHeight="1" x14ac:dyDescent="0.2">
      <c r="A103" s="19" t="s">
        <v>28</v>
      </c>
      <c r="B103" s="31" t="s">
        <v>27</v>
      </c>
      <c r="C103" s="31">
        <v>7</v>
      </c>
      <c r="D103" s="32" t="s">
        <v>75</v>
      </c>
      <c r="E103" s="31" t="s">
        <v>70</v>
      </c>
      <c r="F103" s="32" t="s">
        <v>38</v>
      </c>
      <c r="G103" s="32" t="s">
        <v>15</v>
      </c>
      <c r="H103" s="32" t="s">
        <v>12</v>
      </c>
      <c r="I103" s="30"/>
    </row>
    <row r="104" spans="1:9" ht="30" customHeight="1" x14ac:dyDescent="0.2">
      <c r="A104" s="19" t="s">
        <v>28</v>
      </c>
      <c r="B104" s="31" t="s">
        <v>27</v>
      </c>
      <c r="C104" s="31">
        <v>8</v>
      </c>
      <c r="D104" s="32" t="s">
        <v>76</v>
      </c>
      <c r="E104" s="31" t="s">
        <v>70</v>
      </c>
      <c r="F104" s="32" t="s">
        <v>39</v>
      </c>
      <c r="G104" s="32" t="s">
        <v>45</v>
      </c>
      <c r="H104" s="32" t="s">
        <v>12</v>
      </c>
      <c r="I104" s="30"/>
    </row>
    <row r="105" spans="1:9" ht="30" customHeight="1" x14ac:dyDescent="0.2">
      <c r="A105" s="19" t="s">
        <v>28</v>
      </c>
      <c r="B105" s="31" t="s">
        <v>27</v>
      </c>
      <c r="C105" s="31">
        <v>9</v>
      </c>
      <c r="D105" s="32" t="s">
        <v>77</v>
      </c>
      <c r="E105" s="31" t="s">
        <v>70</v>
      </c>
      <c r="F105" s="32" t="s">
        <v>40</v>
      </c>
      <c r="G105" s="32" t="s">
        <v>45</v>
      </c>
      <c r="H105" s="32" t="s">
        <v>12</v>
      </c>
      <c r="I105" s="30"/>
    </row>
    <row r="106" spans="1:9" ht="30" customHeight="1" x14ac:dyDescent="0.2">
      <c r="A106" s="19" t="s">
        <v>28</v>
      </c>
      <c r="B106" s="31" t="s">
        <v>27</v>
      </c>
      <c r="C106" s="19">
        <v>10</v>
      </c>
      <c r="D106" s="32" t="s">
        <v>78</v>
      </c>
      <c r="E106" s="31" t="s">
        <v>70</v>
      </c>
      <c r="F106" s="32" t="s">
        <v>41</v>
      </c>
      <c r="G106" s="32" t="s">
        <v>15</v>
      </c>
      <c r="H106" s="32" t="s">
        <v>12</v>
      </c>
      <c r="I106" s="30"/>
    </row>
    <row r="107" spans="1:9" ht="30" customHeight="1" x14ac:dyDescent="0.2">
      <c r="A107" s="19" t="s">
        <v>28</v>
      </c>
      <c r="B107" s="31" t="s">
        <v>27</v>
      </c>
      <c r="C107" s="19">
        <v>11</v>
      </c>
      <c r="D107" s="32" t="s">
        <v>69</v>
      </c>
      <c r="E107" s="31" t="s">
        <v>70</v>
      </c>
      <c r="F107" s="32" t="s">
        <v>42</v>
      </c>
      <c r="G107" s="32" t="s">
        <v>15</v>
      </c>
      <c r="H107" s="32" t="s">
        <v>12</v>
      </c>
      <c r="I107" s="30"/>
    </row>
    <row r="108" spans="1:9" s="4" customFormat="1" ht="30" customHeight="1" x14ac:dyDescent="0.2">
      <c r="A108" s="19" t="s">
        <v>28</v>
      </c>
      <c r="B108" s="31" t="s">
        <v>27</v>
      </c>
      <c r="C108" s="19">
        <v>12</v>
      </c>
      <c r="D108" s="32" t="s">
        <v>111</v>
      </c>
      <c r="E108" s="31" t="s">
        <v>70</v>
      </c>
      <c r="F108" s="32" t="s">
        <v>112</v>
      </c>
      <c r="G108" s="32" t="s">
        <v>29</v>
      </c>
      <c r="H108" s="32" t="s">
        <v>12</v>
      </c>
      <c r="I108" s="33"/>
    </row>
  </sheetData>
  <sheetProtection algorithmName="SHA-512" hashValue="8yu0DJknFnnbJ1AZHNzr3URAQ1NURgyZ4+zLDHm7pxdgrs4lx0uDd5qCRZzs3WE6LIbbmGxJagBJQehhbCfQbA==" saltValue="DWZxUhL9oh0r1CEUyhBGjg==" spinCount="100000" sheet="1" objects="1" scenarios="1" autoFilter="0"/>
  <autoFilter ref="A5:I108" xr:uid="{00000000-0009-0000-0000-000000000000}"/>
  <mergeCells count="1">
    <mergeCell ref="B1:F1"/>
  </mergeCells>
  <phoneticPr fontId="1"/>
  <printOptions horizontalCentered="1"/>
  <pageMargins left="0.78740157480314965" right="0.59055118110236227" top="0.39370078740157483" bottom="0.39370078740157483" header="0.31496062992125984" footer="0.31496062992125984"/>
  <pageSetup paperSize="8" scale="52" fitToHeight="0" orientation="portrait" r:id="rId1"/>
  <rowBreaks count="1" manualBreakCount="1">
    <brk id="75"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局長表彰</vt:lpstr>
      <vt:lpstr>局長表彰!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宮本 伸夫</cp:lastModifiedBy>
  <cp:lastPrinted>2026-05-25T04:30:10Z</cp:lastPrinted>
  <dcterms:created xsi:type="dcterms:W3CDTF">2018-04-10T00:53:33Z</dcterms:created>
  <dcterms:modified xsi:type="dcterms:W3CDTF">2026-06-25T01:01:14Z</dcterms:modified>
</cp:coreProperties>
</file>